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387\Desktop\新しいフォルダー\"/>
    </mc:Choice>
  </mc:AlternateContent>
  <bookViews>
    <workbookView xWindow="600" yWindow="120" windowWidth="19395" windowHeight="8010" firstSheet="3" activeTab="3"/>
  </bookViews>
  <sheets>
    <sheet name="別紙1(算出基礎表)" sheetId="1" state="hidden" r:id="rId1"/>
    <sheet name="別紙2(添付書類一覧) " sheetId="4" state="hidden" r:id="rId2"/>
    <sheet name="別紙1(算出基礎表) (変更)" sheetId="7" state="hidden" r:id="rId3"/>
    <sheet name="別紙1(実績" sheetId="8" r:id="rId4"/>
    <sheet name="別紙2(実績報告）" sheetId="6" r:id="rId5"/>
    <sheet name="Sheet4" sheetId="5" state="hidden" r:id="rId6"/>
  </sheets>
  <definedNames>
    <definedName name="_xlnm.Print_Area" localSheetId="5">Sheet4!$B$2:$O$21</definedName>
    <definedName name="_xlnm.Print_Area" localSheetId="0">'別紙1(算出基礎表)'!$B$2:$H$44</definedName>
    <definedName name="_xlnm.Print_Area" localSheetId="2">'別紙1(算出基礎表) (変更)'!$B$2:$I$44</definedName>
    <definedName name="_xlnm.Print_Area" localSheetId="3">'別紙1(実績'!$B$2:$H$45</definedName>
    <definedName name="_xlnm.Print_Area" localSheetId="4">'別紙2(実績報告）'!$B$2:$L$31</definedName>
    <definedName name="_xlnm.Print_Area" localSheetId="1">'別紙2(添付書類一覧) '!$B$2:$L$61</definedName>
  </definedNames>
  <calcPr calcId="162913"/>
</workbook>
</file>

<file path=xl/calcChain.xml><?xml version="1.0" encoding="utf-8"?>
<calcChain xmlns="http://schemas.openxmlformats.org/spreadsheetml/2006/main">
  <c r="G15" i="8" l="1"/>
</calcChain>
</file>

<file path=xl/sharedStrings.xml><?xml version="1.0" encoding="utf-8"?>
<sst xmlns="http://schemas.openxmlformats.org/spreadsheetml/2006/main" count="387" uniqueCount="104">
  <si>
    <t>補助事業名称</t>
    <rPh sb="0" eb="2">
      <t>ホジョ</t>
    </rPh>
    <rPh sb="2" eb="4">
      <t>ジギョウ</t>
    </rPh>
    <rPh sb="4" eb="6">
      <t>メイショウ</t>
    </rPh>
    <phoneticPr fontId="1"/>
  </si>
  <si>
    <t>交付申請額</t>
    <rPh sb="0" eb="2">
      <t>コウフ</t>
    </rPh>
    <rPh sb="2" eb="4">
      <t>シンセイ</t>
    </rPh>
    <rPh sb="4" eb="5">
      <t>ガク</t>
    </rPh>
    <phoneticPr fontId="1"/>
  </si>
  <si>
    <t>同左算出基礎</t>
    <rPh sb="0" eb="2">
      <t>ドウサ</t>
    </rPh>
    <rPh sb="2" eb="4">
      <t>サンシュツ</t>
    </rPh>
    <rPh sb="4" eb="6">
      <t>キソ</t>
    </rPh>
    <phoneticPr fontId="1"/>
  </si>
  <si>
    <t>添付書類</t>
    <rPh sb="0" eb="2">
      <t>テンプ</t>
    </rPh>
    <rPh sb="2" eb="4">
      <t>ショルイ</t>
    </rPh>
    <phoneticPr fontId="1"/>
  </si>
  <si>
    <t>②</t>
    <phoneticPr fontId="1"/>
  </si>
  <si>
    <t>③</t>
    <phoneticPr fontId="1"/>
  </si>
  <si>
    <t>地元事業者利用促進事業</t>
  </si>
  <si>
    <t>合計</t>
    <rPh sb="0" eb="2">
      <t>ゴウケイ</t>
    </rPh>
    <phoneticPr fontId="1"/>
  </si>
  <si>
    <t>申請合計　　　　　　　　件</t>
    <rPh sb="0" eb="2">
      <t>シンセイ</t>
    </rPh>
    <rPh sb="2" eb="4">
      <t>ゴウケイ</t>
    </rPh>
    <rPh sb="12" eb="13">
      <t>ケン</t>
    </rPh>
    <phoneticPr fontId="1"/>
  </si>
  <si>
    <t>別紙2　補助事業別添付書類一覧表</t>
    <rPh sb="0" eb="2">
      <t>ベッシ</t>
    </rPh>
    <rPh sb="4" eb="6">
      <t>ホジョ</t>
    </rPh>
    <rPh sb="6" eb="8">
      <t>ジギョウ</t>
    </rPh>
    <rPh sb="8" eb="9">
      <t>ベツ</t>
    </rPh>
    <rPh sb="9" eb="11">
      <t>テンプ</t>
    </rPh>
    <rPh sb="11" eb="13">
      <t>ショルイ</t>
    </rPh>
    <rPh sb="13" eb="15">
      <t>イチラン</t>
    </rPh>
    <rPh sb="15" eb="16">
      <t>ヒョウ</t>
    </rPh>
    <phoneticPr fontId="1"/>
  </si>
  <si>
    <t>区分</t>
    <rPh sb="0" eb="2">
      <t>クブン</t>
    </rPh>
    <phoneticPr fontId="1"/>
  </si>
  <si>
    <t>重点地域</t>
    <rPh sb="0" eb="2">
      <t>ジュウテン</t>
    </rPh>
    <rPh sb="2" eb="4">
      <t>チイキ</t>
    </rPh>
    <phoneticPr fontId="1"/>
  </si>
  <si>
    <t>本町通り</t>
    <rPh sb="0" eb="2">
      <t>ホンチョウ</t>
    </rPh>
    <rPh sb="2" eb="3">
      <t>ドオ</t>
    </rPh>
    <phoneticPr fontId="1"/>
  </si>
  <si>
    <t>面積区分</t>
    <rPh sb="0" eb="2">
      <t>メンセキ</t>
    </rPh>
    <rPh sb="2" eb="4">
      <t>クブン</t>
    </rPh>
    <phoneticPr fontId="1"/>
  </si>
  <si>
    <t>助成額</t>
    <rPh sb="0" eb="3">
      <t>ジョセイガク</t>
    </rPh>
    <phoneticPr fontId="1"/>
  </si>
  <si>
    <t>～</t>
    <phoneticPr fontId="1"/>
  </si>
  <si>
    <t>該当
の有無</t>
    <rPh sb="0" eb="2">
      <t>ガイトウ</t>
    </rPh>
    <rPh sb="4" eb="6">
      <t>ウム</t>
    </rPh>
    <phoneticPr fontId="1"/>
  </si>
  <si>
    <t>確認</t>
    <rPh sb="0" eb="2">
      <t>カクニン</t>
    </rPh>
    <phoneticPr fontId="1"/>
  </si>
  <si>
    <t>位置図</t>
    <rPh sb="0" eb="3">
      <t>イチズ</t>
    </rPh>
    <phoneticPr fontId="1"/>
  </si>
  <si>
    <t>重点地域</t>
    <rPh sb="0" eb="2">
      <t>ジュウテン</t>
    </rPh>
    <rPh sb="2" eb="4">
      <t>チイキ</t>
    </rPh>
    <phoneticPr fontId="1"/>
  </si>
  <si>
    <t>本町通り</t>
    <rPh sb="0" eb="2">
      <t>ホンチョウ</t>
    </rPh>
    <rPh sb="2" eb="3">
      <t>ドオ</t>
    </rPh>
    <phoneticPr fontId="1"/>
  </si>
  <si>
    <t>雁木</t>
    <rPh sb="0" eb="2">
      <t>ガンギ</t>
    </rPh>
    <phoneticPr fontId="1"/>
  </si>
  <si>
    <t>①</t>
    <phoneticPr fontId="1"/>
  </si>
  <si>
    <t>④</t>
    <phoneticPr fontId="1"/>
  </si>
  <si>
    <t>２－②　糸魚川市建築物不燃化促進事業(本町通り）　算出基礎表</t>
    <rPh sb="4" eb="8">
      <t>シ</t>
    </rPh>
    <rPh sb="8" eb="11">
      <t>ケンチクブツ</t>
    </rPh>
    <rPh sb="11" eb="14">
      <t>フネンカ</t>
    </rPh>
    <rPh sb="14" eb="16">
      <t>ソクシン</t>
    </rPh>
    <rPh sb="16" eb="18">
      <t>ジギョウ</t>
    </rPh>
    <rPh sb="19" eb="22">
      <t>ホンチョウドオリ</t>
    </rPh>
    <rPh sb="25" eb="27">
      <t>サンシュツ</t>
    </rPh>
    <rPh sb="27" eb="29">
      <t>キソ</t>
    </rPh>
    <rPh sb="29" eb="30">
      <t>ヒョウ</t>
    </rPh>
    <phoneticPr fontId="1"/>
  </si>
  <si>
    <t>□</t>
    <phoneticPr fontId="1"/>
  </si>
  <si>
    <t>案内図</t>
    <rPh sb="0" eb="3">
      <t>アンナイズ</t>
    </rPh>
    <phoneticPr fontId="1"/>
  </si>
  <si>
    <t>外部仕上表</t>
    <rPh sb="0" eb="2">
      <t>ガイブ</t>
    </rPh>
    <rPh sb="2" eb="4">
      <t>シアゲ</t>
    </rPh>
    <rPh sb="4" eb="5">
      <t>ヒョウ</t>
    </rPh>
    <phoneticPr fontId="1"/>
  </si>
  <si>
    <t>色彩計画表</t>
    <rPh sb="0" eb="2">
      <t>シキサイ</t>
    </rPh>
    <rPh sb="2" eb="4">
      <t>ケイカク</t>
    </rPh>
    <rPh sb="4" eb="5">
      <t>ヒョウ</t>
    </rPh>
    <phoneticPr fontId="1"/>
  </si>
  <si>
    <t>現況写真</t>
    <rPh sb="0" eb="2">
      <t>ゲンキョウ</t>
    </rPh>
    <rPh sb="2" eb="4">
      <t>シャシン</t>
    </rPh>
    <phoneticPr fontId="1"/>
  </si>
  <si>
    <t>見積書</t>
    <rPh sb="0" eb="3">
      <t>ミツモリショ</t>
    </rPh>
    <phoneticPr fontId="1"/>
  </si>
  <si>
    <t>外部仕上表(外壁と軒裏の防火構造仕様の記載)</t>
    <rPh sb="0" eb="2">
      <t>ガイブ</t>
    </rPh>
    <rPh sb="2" eb="4">
      <t>シアゲ</t>
    </rPh>
    <rPh sb="4" eb="5">
      <t>ヒョウ</t>
    </rPh>
    <rPh sb="6" eb="8">
      <t>ガイヘキ</t>
    </rPh>
    <rPh sb="9" eb="11">
      <t>ノキウラ</t>
    </rPh>
    <rPh sb="12" eb="14">
      <t>ボウカ</t>
    </rPh>
    <rPh sb="14" eb="16">
      <t>コウゾウ</t>
    </rPh>
    <rPh sb="16" eb="18">
      <t>シヨウ</t>
    </rPh>
    <rPh sb="19" eb="21">
      <t>キサイ</t>
    </rPh>
    <phoneticPr fontId="1"/>
  </si>
  <si>
    <t>求積図(屋根面積)</t>
    <rPh sb="0" eb="3">
      <t>キュウセキズ</t>
    </rPh>
    <rPh sb="4" eb="6">
      <t>ヤネ</t>
    </rPh>
    <rPh sb="6" eb="8">
      <t>メンセキ</t>
    </rPh>
    <phoneticPr fontId="1"/>
  </si>
  <si>
    <t>配置図(1/200)</t>
    <rPh sb="0" eb="3">
      <t>ハイチズ</t>
    </rPh>
    <phoneticPr fontId="1"/>
  </si>
  <si>
    <t>立面図(1/100)</t>
    <rPh sb="0" eb="3">
      <t>リツメンズ</t>
    </rPh>
    <phoneticPr fontId="1"/>
  </si>
  <si>
    <t>屋根状図(1/100)</t>
    <rPh sb="0" eb="2">
      <t>ヤネ</t>
    </rPh>
    <rPh sb="2" eb="3">
      <t>ジョウ</t>
    </rPh>
    <rPh sb="3" eb="4">
      <t>ズ</t>
    </rPh>
    <phoneticPr fontId="1"/>
  </si>
  <si>
    <t>材料仕様書(外壁材の大臣認証のコピー)</t>
    <rPh sb="0" eb="2">
      <t>ザイリョウ</t>
    </rPh>
    <rPh sb="2" eb="5">
      <t>シヨウショ</t>
    </rPh>
    <rPh sb="6" eb="8">
      <t>ガイヘキ</t>
    </rPh>
    <rPh sb="8" eb="9">
      <t>ザイ</t>
    </rPh>
    <rPh sb="10" eb="12">
      <t>ダイジン</t>
    </rPh>
    <rPh sb="12" eb="14">
      <t>ニンショウ</t>
    </rPh>
    <phoneticPr fontId="1"/>
  </si>
  <si>
    <t>現在事項全部証明書(法人のみ)　※法務局発行</t>
    <rPh sb="0" eb="2">
      <t>ゲンザイ</t>
    </rPh>
    <rPh sb="2" eb="4">
      <t>ジコウ</t>
    </rPh>
    <rPh sb="4" eb="6">
      <t>ゼンブ</t>
    </rPh>
    <rPh sb="6" eb="9">
      <t>ショウメイショ</t>
    </rPh>
    <rPh sb="10" eb="12">
      <t>ホウジン</t>
    </rPh>
    <rPh sb="17" eb="20">
      <t>ホウムキョク</t>
    </rPh>
    <rPh sb="20" eb="22">
      <t>ハッコウ</t>
    </rPh>
    <phoneticPr fontId="1"/>
  </si>
  <si>
    <t>材料仕様書(面格子の寸法、材質がわかる資料)</t>
    <rPh sb="0" eb="2">
      <t>ザイリョウ</t>
    </rPh>
    <rPh sb="2" eb="5">
      <t>シヨウショ</t>
    </rPh>
    <rPh sb="6" eb="7">
      <t>メン</t>
    </rPh>
    <rPh sb="7" eb="9">
      <t>コウシ</t>
    </rPh>
    <rPh sb="10" eb="12">
      <t>スンポウ</t>
    </rPh>
    <rPh sb="13" eb="15">
      <t>ザイシツ</t>
    </rPh>
    <rPh sb="19" eb="21">
      <t>シリョウ</t>
    </rPh>
    <phoneticPr fontId="1"/>
  </si>
  <si>
    <t>求積図(1階から3階までの床面積とその合計)</t>
    <rPh sb="0" eb="3">
      <t>キュウセキズ</t>
    </rPh>
    <rPh sb="5" eb="6">
      <t>カイ</t>
    </rPh>
    <rPh sb="9" eb="10">
      <t>カイ</t>
    </rPh>
    <rPh sb="13" eb="16">
      <t>ユカメンセキ</t>
    </rPh>
    <rPh sb="19" eb="21">
      <t>ゴウケイ</t>
    </rPh>
    <phoneticPr fontId="1"/>
  </si>
  <si>
    <t>外部仕上表</t>
    <rPh sb="0" eb="2">
      <t>ガイブ</t>
    </rPh>
    <rPh sb="2" eb="4">
      <t>シアゲ</t>
    </rPh>
    <rPh sb="4" eb="5">
      <t>ヒョウ</t>
    </rPh>
    <phoneticPr fontId="1"/>
  </si>
  <si>
    <t>内部仕上表</t>
    <rPh sb="0" eb="2">
      <t>ナイブ</t>
    </rPh>
    <rPh sb="2" eb="4">
      <t>シアゲ</t>
    </rPh>
    <rPh sb="4" eb="5">
      <t>ヒョウ</t>
    </rPh>
    <phoneticPr fontId="1"/>
  </si>
  <si>
    <t>平面図(1/100)</t>
    <rPh sb="0" eb="3">
      <t>ヘイメンズ</t>
    </rPh>
    <phoneticPr fontId="1"/>
  </si>
  <si>
    <t>立面図(1/100 2面以上、高さ5ｍの線を記載のこと)</t>
    <rPh sb="0" eb="3">
      <t>リツメンズ</t>
    </rPh>
    <rPh sb="11" eb="14">
      <t>メンイジョウ</t>
    </rPh>
    <rPh sb="15" eb="16">
      <t>タカ</t>
    </rPh>
    <rPh sb="20" eb="21">
      <t>セン</t>
    </rPh>
    <rPh sb="22" eb="24">
      <t>キサイ</t>
    </rPh>
    <phoneticPr fontId="1"/>
  </si>
  <si>
    <t>□</t>
  </si>
  <si>
    <t>立面図(1/100 対象箇所を示すこと)</t>
    <rPh sb="0" eb="3">
      <t>リツメンズ</t>
    </rPh>
    <rPh sb="10" eb="12">
      <t>タイショウ</t>
    </rPh>
    <rPh sb="12" eb="14">
      <t>カショ</t>
    </rPh>
    <rPh sb="15" eb="16">
      <t>シメ</t>
    </rPh>
    <phoneticPr fontId="1"/>
  </si>
  <si>
    <t>平面図(1/100 軒の出、雁木の長さを記載のこと)</t>
    <rPh sb="0" eb="3">
      <t>ヘイメンズ</t>
    </rPh>
    <rPh sb="10" eb="11">
      <t>ノキ</t>
    </rPh>
    <rPh sb="12" eb="13">
      <t>デ</t>
    </rPh>
    <rPh sb="14" eb="16">
      <t>ガンギ</t>
    </rPh>
    <rPh sb="17" eb="18">
      <t>ナガ</t>
    </rPh>
    <rPh sb="20" eb="22">
      <t>キサイ</t>
    </rPh>
    <phoneticPr fontId="1"/>
  </si>
  <si>
    <t>３</t>
    <phoneticPr fontId="1"/>
  </si>
  <si>
    <t>１－①</t>
    <phoneticPr fontId="1"/>
  </si>
  <si>
    <t>１－②</t>
    <phoneticPr fontId="1"/>
  </si>
  <si>
    <t>１－③</t>
    <phoneticPr fontId="1"/>
  </si>
  <si>
    <t>２－①</t>
    <phoneticPr fontId="1"/>
  </si>
  <si>
    <t>１－④</t>
    <phoneticPr fontId="1"/>
  </si>
  <si>
    <t>２－②</t>
    <phoneticPr fontId="1"/>
  </si>
  <si>
    <t>別紙１　算出基礎表</t>
    <rPh sb="0" eb="2">
      <t>ベッシ</t>
    </rPh>
    <rPh sb="4" eb="6">
      <t>サンシュツ</t>
    </rPh>
    <rPh sb="6" eb="8">
      <t>キソ</t>
    </rPh>
    <rPh sb="8" eb="9">
      <t>ヒョウ</t>
    </rPh>
    <phoneticPr fontId="1"/>
  </si>
  <si>
    <t>糸魚川市
街なみ環境
整備事業</t>
    <rPh sb="0" eb="4">
      <t>シ</t>
    </rPh>
    <rPh sb="6" eb="7">
      <t>マチ</t>
    </rPh>
    <rPh sb="9" eb="11">
      <t>カンキョウ</t>
    </rPh>
    <rPh sb="13" eb="15">
      <t>セイビ</t>
    </rPh>
    <rPh sb="15" eb="17">
      <t>ジギョウ</t>
    </rPh>
    <phoneticPr fontId="1"/>
  </si>
  <si>
    <t>糸魚川市
建築物不燃化
促進事業</t>
    <rPh sb="0" eb="4">
      <t>シ</t>
    </rPh>
    <rPh sb="6" eb="9">
      <t>ケンチクブツ</t>
    </rPh>
    <rPh sb="9" eb="12">
      <t>フネンカ</t>
    </rPh>
    <rPh sb="14" eb="16">
      <t>ソクシン</t>
    </rPh>
    <rPh sb="16" eb="18">
      <t>ジギョウ</t>
    </rPh>
    <phoneticPr fontId="1"/>
  </si>
  <si>
    <t>配置図</t>
    <rPh sb="0" eb="3">
      <t>ハイチズ</t>
    </rPh>
    <phoneticPr fontId="1"/>
  </si>
  <si>
    <t>断面図</t>
    <rPh sb="0" eb="3">
      <t>ダンメンズ</t>
    </rPh>
    <phoneticPr fontId="1"/>
  </si>
  <si>
    <t>　(1/200 本町通りから2.4ｍ、12ｍの線を記載のこと)</t>
    <rPh sb="8" eb="11">
      <t>ホンチョウドオリ</t>
    </rPh>
    <rPh sb="23" eb="24">
      <t>セン</t>
    </rPh>
    <rPh sb="25" eb="27">
      <t>キサイ</t>
    </rPh>
    <phoneticPr fontId="1"/>
  </si>
  <si>
    <t>景観
（配置）
（屋根）
（外壁）</t>
    <rPh sb="0" eb="2">
      <t>ケイカン</t>
    </rPh>
    <rPh sb="5" eb="7">
      <t>ハイチ</t>
    </rPh>
    <rPh sb="10" eb="12">
      <t>ヤネ</t>
    </rPh>
    <rPh sb="15" eb="17">
      <t>ガイヘキ</t>
    </rPh>
    <phoneticPr fontId="1"/>
  </si>
  <si>
    <r>
      <rPr>
        <u/>
        <sz val="10.5"/>
        <color theme="1"/>
        <rFont val="ＭＳ Ｐ明朝"/>
        <family val="1"/>
        <charset val="128"/>
      </rPr>
      <t>補助対象経費　　　　　　　　　　　　　　　　　　　</t>
    </r>
    <r>
      <rPr>
        <sz val="10.5"/>
        <color theme="1"/>
        <rFont val="ＭＳ Ｐ明朝"/>
        <family val="1"/>
        <charset val="128"/>
      </rPr>
      <t>（上限40万円）</t>
    </r>
    <rPh sb="0" eb="2">
      <t>ホジョ</t>
    </rPh>
    <rPh sb="2" eb="4">
      <t>タイショウ</t>
    </rPh>
    <rPh sb="4" eb="6">
      <t>ケイヒ</t>
    </rPh>
    <rPh sb="26" eb="28">
      <t>ジョウゲン</t>
    </rPh>
    <rPh sb="30" eb="32">
      <t>マンエン</t>
    </rPh>
    <phoneticPr fontId="1"/>
  </si>
  <si>
    <r>
      <rPr>
        <u/>
        <sz val="10.5"/>
        <color theme="1"/>
        <rFont val="ＭＳ Ｐ明朝"/>
        <family val="1"/>
        <charset val="128"/>
      </rPr>
      <t>補助対象経費　　　　　　　　　　　　　　　　　　　</t>
    </r>
    <r>
      <rPr>
        <sz val="10.5"/>
        <color theme="1"/>
        <rFont val="ＭＳ Ｐ明朝"/>
        <family val="1"/>
        <charset val="128"/>
      </rPr>
      <t>（上限10万円）</t>
    </r>
    <rPh sb="0" eb="2">
      <t>ホジョ</t>
    </rPh>
    <rPh sb="2" eb="4">
      <t>タイショウ</t>
    </rPh>
    <rPh sb="4" eb="6">
      <t>ケイヒ</t>
    </rPh>
    <rPh sb="26" eb="28">
      <t>ジョウゲン</t>
    </rPh>
    <rPh sb="30" eb="32">
      <t>マンエン</t>
    </rPh>
    <phoneticPr fontId="1"/>
  </si>
  <si>
    <t>雁木整備</t>
    <rPh sb="0" eb="2">
      <t>ガンギ</t>
    </rPh>
    <rPh sb="2" eb="4">
      <t>セイビ</t>
    </rPh>
    <phoneticPr fontId="1"/>
  </si>
  <si>
    <r>
      <rPr>
        <u/>
        <sz val="10.5"/>
        <color theme="1"/>
        <rFont val="ＭＳ Ｐ明朝"/>
        <family val="1"/>
        <charset val="128"/>
      </rPr>
      <t>補助対象経費　　　　　　　　　　　　　　　　　　　</t>
    </r>
    <r>
      <rPr>
        <sz val="10.5"/>
        <color theme="1"/>
        <rFont val="ＭＳ Ｐ明朝"/>
        <family val="1"/>
        <charset val="128"/>
      </rPr>
      <t>（上限30万円）</t>
    </r>
    <rPh sb="0" eb="2">
      <t>ホジョ</t>
    </rPh>
    <rPh sb="2" eb="4">
      <t>タイショウ</t>
    </rPh>
    <rPh sb="4" eb="6">
      <t>ケイヒ</t>
    </rPh>
    <rPh sb="26" eb="28">
      <t>ジョウゲン</t>
    </rPh>
    <rPh sb="30" eb="32">
      <t>マンエン</t>
    </rPh>
    <phoneticPr fontId="1"/>
  </si>
  <si>
    <r>
      <rPr>
        <u/>
        <sz val="10.5"/>
        <color theme="1"/>
        <rFont val="ＭＳ Ｐ明朝"/>
        <family val="1"/>
        <charset val="128"/>
      </rPr>
      <t>補助対象床面積　１階　　　　㎡　2階　　　　㎡　3階　　　　㎡</t>
    </r>
    <r>
      <rPr>
        <sz val="10.5"/>
        <color theme="1"/>
        <rFont val="ＭＳ Ｐ明朝"/>
        <family val="1"/>
        <charset val="128"/>
      </rPr>
      <t xml:space="preserve">
</t>
    </r>
    <r>
      <rPr>
        <u/>
        <sz val="10.5"/>
        <color theme="1"/>
        <rFont val="ＭＳ Ｐ明朝"/>
        <family val="1"/>
        <charset val="128"/>
      </rPr>
      <t>合計　　　　　　　　㎡</t>
    </r>
    <r>
      <rPr>
        <sz val="10.5"/>
        <color theme="1"/>
        <rFont val="ＭＳ Ｐ明朝"/>
        <family val="1"/>
        <charset val="128"/>
      </rPr>
      <t>(補助金額は下段算出基礎表のとおり）</t>
    </r>
    <rPh sb="0" eb="2">
      <t>ホジョ</t>
    </rPh>
    <rPh sb="2" eb="4">
      <t>タイショウ</t>
    </rPh>
    <rPh sb="4" eb="5">
      <t>ユカ</t>
    </rPh>
    <rPh sb="5" eb="7">
      <t>メンセキ</t>
    </rPh>
    <rPh sb="9" eb="10">
      <t>カイ</t>
    </rPh>
    <rPh sb="17" eb="18">
      <t>カイ</t>
    </rPh>
    <rPh sb="25" eb="26">
      <t>カイ</t>
    </rPh>
    <rPh sb="33" eb="35">
      <t>ゴウケイ</t>
    </rPh>
    <rPh sb="45" eb="48">
      <t>ホジョキン</t>
    </rPh>
    <rPh sb="48" eb="49">
      <t>ガク</t>
    </rPh>
    <rPh sb="50" eb="52">
      <t>ゲダン</t>
    </rPh>
    <rPh sb="52" eb="54">
      <t>サンシュツ</t>
    </rPh>
    <rPh sb="54" eb="56">
      <t>キソ</t>
    </rPh>
    <rPh sb="56" eb="57">
      <t>ヒョウ</t>
    </rPh>
    <phoneticPr fontId="1"/>
  </si>
  <si>
    <t>□私は、宅地建物取引業法第２条第３号に規定する宅地建物取引業者ではありません。</t>
    <rPh sb="1" eb="2">
      <t>ワタシ</t>
    </rPh>
    <rPh sb="4" eb="6">
      <t>タクチ</t>
    </rPh>
    <rPh sb="6" eb="8">
      <t>タテモノ</t>
    </rPh>
    <rPh sb="8" eb="11">
      <t>トリヒキギョウ</t>
    </rPh>
    <rPh sb="11" eb="12">
      <t>ホウ</t>
    </rPh>
    <rPh sb="12" eb="13">
      <t>ダイ</t>
    </rPh>
    <rPh sb="14" eb="15">
      <t>ジョウ</t>
    </rPh>
    <rPh sb="15" eb="16">
      <t>ダイ</t>
    </rPh>
    <rPh sb="17" eb="18">
      <t>ゴウ</t>
    </rPh>
    <rPh sb="19" eb="21">
      <t>キテイ</t>
    </rPh>
    <rPh sb="23" eb="25">
      <t>タクチ</t>
    </rPh>
    <rPh sb="25" eb="27">
      <t>タテモノ</t>
    </rPh>
    <rPh sb="27" eb="29">
      <t>トリヒキ</t>
    </rPh>
    <rPh sb="29" eb="31">
      <t>ギョウシャ</t>
    </rPh>
    <phoneticPr fontId="1"/>
  </si>
  <si>
    <t>糸魚川市建築物不燃化促進事業</t>
    <rPh sb="0" eb="4">
      <t>シ</t>
    </rPh>
    <rPh sb="4" eb="7">
      <t>ケンチクブツ</t>
    </rPh>
    <rPh sb="7" eb="10">
      <t>フネンカ</t>
    </rPh>
    <rPh sb="10" eb="12">
      <t>ソクシン</t>
    </rPh>
    <rPh sb="12" eb="14">
      <t>ジギョウ</t>
    </rPh>
    <phoneticPr fontId="1"/>
  </si>
  <si>
    <t>糸魚川市街なみ環境整備事業</t>
    <rPh sb="0" eb="4">
      <t>シ</t>
    </rPh>
    <rPh sb="4" eb="5">
      <t>マチ</t>
    </rPh>
    <rPh sb="7" eb="9">
      <t>カンキョウ</t>
    </rPh>
    <rPh sb="9" eb="11">
      <t>セイビ</t>
    </rPh>
    <rPh sb="11" eb="13">
      <t>ジギョウ</t>
    </rPh>
    <phoneticPr fontId="1"/>
  </si>
  <si>
    <t>被災証明書又は罹災証明書</t>
    <rPh sb="0" eb="2">
      <t>ヒサイ</t>
    </rPh>
    <rPh sb="2" eb="5">
      <t>ショウメイショ</t>
    </rPh>
    <rPh sb="5" eb="6">
      <t>マタ</t>
    </rPh>
    <rPh sb="7" eb="9">
      <t>リサイ</t>
    </rPh>
    <rPh sb="9" eb="12">
      <t>ショウメイショ</t>
    </rPh>
    <phoneticPr fontId="1"/>
  </si>
  <si>
    <t>景観(建物の配置･屋根･外壁)</t>
    <rPh sb="0" eb="2">
      <t>ケイカン</t>
    </rPh>
    <rPh sb="3" eb="5">
      <t>タテモノ</t>
    </rPh>
    <rPh sb="6" eb="8">
      <t>ハイチ</t>
    </rPh>
    <rPh sb="9" eb="11">
      <t>ヤネ</t>
    </rPh>
    <rPh sb="12" eb="14">
      <t>ガイヘキ</t>
    </rPh>
    <phoneticPr fontId="1"/>
  </si>
  <si>
    <t>建物1棟につき10万円（取組みに応じて各10万円の加算あり）
□地元事業者利用（基本）
□ふるさと越後の家づくり復興支援事業を併用（加算）
□上記１糸魚川市街なみ環境整備事業に取組む（加算）
□上記２糸魚川市建築物不燃化促進事業に取組む（加算）</t>
    <rPh sb="0" eb="2">
      <t>タテモノ</t>
    </rPh>
    <rPh sb="3" eb="4">
      <t>トウ</t>
    </rPh>
    <rPh sb="9" eb="11">
      <t>マンエン</t>
    </rPh>
    <rPh sb="12" eb="14">
      <t>トリク</t>
    </rPh>
    <rPh sb="16" eb="17">
      <t>オウ</t>
    </rPh>
    <rPh sb="19" eb="20">
      <t>カク</t>
    </rPh>
    <rPh sb="22" eb="24">
      <t>マンエン</t>
    </rPh>
    <rPh sb="25" eb="27">
      <t>カサン</t>
    </rPh>
    <rPh sb="40" eb="42">
      <t>キホン</t>
    </rPh>
    <rPh sb="49" eb="51">
      <t>エチゴ</t>
    </rPh>
    <rPh sb="52" eb="53">
      <t>イエ</t>
    </rPh>
    <rPh sb="56" eb="58">
      <t>フッコウ</t>
    </rPh>
    <rPh sb="58" eb="60">
      <t>シエン</t>
    </rPh>
    <rPh sb="60" eb="62">
      <t>ジギョウ</t>
    </rPh>
    <rPh sb="63" eb="65">
      <t>ヘイヨウ</t>
    </rPh>
    <rPh sb="66" eb="68">
      <t>カサン</t>
    </rPh>
    <rPh sb="71" eb="73">
      <t>ジョウキ</t>
    </rPh>
    <rPh sb="74" eb="78">
      <t>イトイガワシ</t>
    </rPh>
    <rPh sb="78" eb="79">
      <t>マチ</t>
    </rPh>
    <rPh sb="81" eb="83">
      <t>カンキョウ</t>
    </rPh>
    <rPh sb="83" eb="85">
      <t>セイビ</t>
    </rPh>
    <rPh sb="85" eb="87">
      <t>ジギョウ</t>
    </rPh>
    <rPh sb="88" eb="90">
      <t>トリク</t>
    </rPh>
    <rPh sb="92" eb="94">
      <t>カサン</t>
    </rPh>
    <rPh sb="97" eb="99">
      <t>ジョウキ</t>
    </rPh>
    <rPh sb="100" eb="104">
      <t>イトイガワシ</t>
    </rPh>
    <rPh sb="104" eb="107">
      <t>ケンチクブツ</t>
    </rPh>
    <rPh sb="107" eb="110">
      <t>フネンカ</t>
    </rPh>
    <rPh sb="110" eb="112">
      <t>ソクシン</t>
    </rPh>
    <rPh sb="112" eb="114">
      <t>ジギョウ</t>
    </rPh>
    <rPh sb="115" eb="117">
      <t>トリク</t>
    </rPh>
    <rPh sb="119" eb="121">
      <t>カサン</t>
    </rPh>
    <phoneticPr fontId="1"/>
  </si>
  <si>
    <t>糸魚川市駅北大火
地元事業者
利用促進事業</t>
    <rPh sb="0" eb="4">
      <t>イトイガワシ</t>
    </rPh>
    <rPh sb="4" eb="5">
      <t>エキ</t>
    </rPh>
    <rPh sb="5" eb="6">
      <t>キタ</t>
    </rPh>
    <rPh sb="6" eb="8">
      <t>タイカ</t>
    </rPh>
    <phoneticPr fontId="1"/>
  </si>
  <si>
    <t>変更後
交付申請額</t>
    <rPh sb="0" eb="2">
      <t>ヘンコウ</t>
    </rPh>
    <rPh sb="2" eb="3">
      <t>ゴ</t>
    </rPh>
    <rPh sb="4" eb="6">
      <t>コウフ</t>
    </rPh>
    <rPh sb="6" eb="8">
      <t>シンセイ</t>
    </rPh>
    <rPh sb="8" eb="9">
      <t>ガク</t>
    </rPh>
    <phoneticPr fontId="1"/>
  </si>
  <si>
    <t>交付決定額</t>
    <rPh sb="0" eb="2">
      <t>コウフ</t>
    </rPh>
    <rPh sb="2" eb="4">
      <t>ケッテイ</t>
    </rPh>
    <rPh sb="4" eb="5">
      <t>ガク</t>
    </rPh>
    <phoneticPr fontId="1"/>
  </si>
  <si>
    <t>別紙１</t>
    <rPh sb="0" eb="2">
      <t>ベッシ</t>
    </rPh>
    <phoneticPr fontId="1"/>
  </si>
  <si>
    <t>補助対象経費</t>
    <rPh sb="0" eb="2">
      <t>ホジョ</t>
    </rPh>
    <rPh sb="2" eb="4">
      <t>タイショウ</t>
    </rPh>
    <rPh sb="4" eb="6">
      <t>ケイヒ</t>
    </rPh>
    <phoneticPr fontId="1"/>
  </si>
  <si>
    <t>領収書の写し</t>
    <rPh sb="0" eb="3">
      <t>リョウシュウショ</t>
    </rPh>
    <rPh sb="4" eb="5">
      <t>ウツ</t>
    </rPh>
    <phoneticPr fontId="1"/>
  </si>
  <si>
    <t>契約書の写し</t>
    <rPh sb="0" eb="3">
      <t>ケイヤクショ</t>
    </rPh>
    <rPh sb="4" eb="5">
      <t>ウツ</t>
    </rPh>
    <phoneticPr fontId="1"/>
  </si>
  <si>
    <t>完了写真</t>
    <rPh sb="0" eb="2">
      <t>カンリョウ</t>
    </rPh>
    <rPh sb="2" eb="4">
      <t>シャシン</t>
    </rPh>
    <phoneticPr fontId="1"/>
  </si>
  <si>
    <t>検査済証の写し</t>
    <rPh sb="0" eb="2">
      <t>ケンサ</t>
    </rPh>
    <rPh sb="2" eb="3">
      <t>ズ</t>
    </rPh>
    <rPh sb="3" eb="4">
      <t>ショウ</t>
    </rPh>
    <rPh sb="5" eb="6">
      <t>ウツ</t>
    </rPh>
    <phoneticPr fontId="1"/>
  </si>
  <si>
    <t>糸魚川市
街なみ環境
整備事業</t>
    <rPh sb="0" eb="4">
      <t>シ</t>
    </rPh>
    <rPh sb="5" eb="6">
      <t>マチ</t>
    </rPh>
    <rPh sb="8" eb="10">
      <t>カンキョウ</t>
    </rPh>
    <rPh sb="11" eb="13">
      <t>セイビ</t>
    </rPh>
    <rPh sb="13" eb="15">
      <t>ジギョウ</t>
    </rPh>
    <phoneticPr fontId="1"/>
  </si>
  <si>
    <t>景観
（配置）
（屋根）
（外壁）</t>
    <rPh sb="0" eb="2">
      <t>ケイカン</t>
    </rPh>
    <rPh sb="4" eb="6">
      <t>ハイチ</t>
    </rPh>
    <rPh sb="9" eb="11">
      <t>ヤネ</t>
    </rPh>
    <rPh sb="14" eb="16">
      <t>ガイヘキ</t>
    </rPh>
    <phoneticPr fontId="1"/>
  </si>
  <si>
    <t>糸魚川市
建築物不燃化
促進事業</t>
    <rPh sb="0" eb="4">
      <t>シ</t>
    </rPh>
    <rPh sb="5" eb="8">
      <t>ケンチクブツ</t>
    </rPh>
    <rPh sb="8" eb="11">
      <t>フネンカ</t>
    </rPh>
    <rPh sb="12" eb="14">
      <t>ソクシン</t>
    </rPh>
    <rPh sb="14" eb="16">
      <t>ジギョウ</t>
    </rPh>
    <phoneticPr fontId="1"/>
  </si>
  <si>
    <t>交付決定額</t>
    <rPh sb="0" eb="2">
      <t>コウフ</t>
    </rPh>
    <rPh sb="2" eb="4">
      <t>ケッテイ</t>
    </rPh>
    <rPh sb="4" eb="5">
      <t>ガク</t>
    </rPh>
    <phoneticPr fontId="1"/>
  </si>
  <si>
    <t>求積図(外壁と軒裏の面積)</t>
    <rPh sb="0" eb="3">
      <t>キュウセキズ</t>
    </rPh>
    <rPh sb="4" eb="6">
      <t>ガイヘキ</t>
    </rPh>
    <rPh sb="7" eb="9">
      <t>ノキウラ</t>
    </rPh>
    <rPh sb="10" eb="12">
      <t>メンセキ</t>
    </rPh>
    <phoneticPr fontId="1"/>
  </si>
  <si>
    <t>平面図（1/100）</t>
    <rPh sb="0" eb="3">
      <t>ヘイメンズ</t>
    </rPh>
    <phoneticPr fontId="1"/>
  </si>
  <si>
    <t>立面図（1/100）</t>
    <rPh sb="0" eb="3">
      <t>リツメンズ</t>
    </rPh>
    <phoneticPr fontId="1"/>
  </si>
  <si>
    <t>　(1/100 雁木部分のみ。天井の高さ、有効通路幅を記載のこと)</t>
    <rPh sb="8" eb="10">
      <t>ガンギ</t>
    </rPh>
    <rPh sb="10" eb="12">
      <t>ブブン</t>
    </rPh>
    <rPh sb="15" eb="17">
      <t>テンジョウ</t>
    </rPh>
    <rPh sb="18" eb="19">
      <t>タカ</t>
    </rPh>
    <rPh sb="21" eb="23">
      <t>ユウコウ</t>
    </rPh>
    <rPh sb="23" eb="25">
      <t>ツウロ</t>
    </rPh>
    <rPh sb="25" eb="26">
      <t>ハバ</t>
    </rPh>
    <rPh sb="27" eb="29">
      <t>キサイ</t>
    </rPh>
    <phoneticPr fontId="1"/>
  </si>
  <si>
    <r>
      <t>「整備費×補助率」又は「補助単価×整備延長」の
何れか低い金額
　　　【事業所】補助率90%・補助単価548,000円/ｍ
　　　【住　宅】補助率95%・補助単価578,000円/ｍ
　　</t>
    </r>
    <r>
      <rPr>
        <sz val="10.5"/>
        <color theme="1"/>
        <rFont val="ＭＳ Ｐ明朝"/>
        <family val="1"/>
        <charset val="128"/>
      </rPr>
      <t>整備費　　　　　　　　　　　　円×　　　　　％　　又は
　　整備延長　　　　　　　　　　ｍ×　　　　　　　　　円
　　　のいずれか低い方の額</t>
    </r>
    <rPh sb="1" eb="3">
      <t>セイビ</t>
    </rPh>
    <rPh sb="5" eb="8">
      <t>ホジョリツ</t>
    </rPh>
    <rPh sb="9" eb="10">
      <t>マタ</t>
    </rPh>
    <rPh sb="12" eb="14">
      <t>ホジョ</t>
    </rPh>
    <rPh sb="14" eb="16">
      <t>タンカ</t>
    </rPh>
    <rPh sb="17" eb="19">
      <t>セイビ</t>
    </rPh>
    <rPh sb="19" eb="21">
      <t>エンチョウ</t>
    </rPh>
    <rPh sb="24" eb="25">
      <t>イズ</t>
    </rPh>
    <rPh sb="27" eb="28">
      <t>ヒク</t>
    </rPh>
    <rPh sb="29" eb="31">
      <t>キンガク</t>
    </rPh>
    <rPh sb="36" eb="39">
      <t>ジギョウショ</t>
    </rPh>
    <rPh sb="40" eb="43">
      <t>ホジョリツ</t>
    </rPh>
    <rPh sb="47" eb="49">
      <t>ホジョ</t>
    </rPh>
    <rPh sb="49" eb="51">
      <t>タンカ</t>
    </rPh>
    <rPh sb="58" eb="59">
      <t>エン</t>
    </rPh>
    <rPh sb="66" eb="67">
      <t>ジュウ</t>
    </rPh>
    <rPh sb="68" eb="69">
      <t>タク</t>
    </rPh>
    <rPh sb="70" eb="73">
      <t>ホジョリツ</t>
    </rPh>
    <rPh sb="77" eb="79">
      <t>ホジョ</t>
    </rPh>
    <rPh sb="79" eb="81">
      <t>タンカ</t>
    </rPh>
    <rPh sb="88" eb="89">
      <t>エン</t>
    </rPh>
    <rPh sb="95" eb="98">
      <t>セイビヒ</t>
    </rPh>
    <rPh sb="110" eb="111">
      <t>エン</t>
    </rPh>
    <rPh sb="120" eb="121">
      <t>マタ</t>
    </rPh>
    <rPh sb="126" eb="128">
      <t>セイビ</t>
    </rPh>
    <rPh sb="128" eb="130">
      <t>エンチョウ</t>
    </rPh>
    <rPh sb="151" eb="152">
      <t>エン</t>
    </rPh>
    <rPh sb="162" eb="163">
      <t>ヒク</t>
    </rPh>
    <rPh sb="164" eb="165">
      <t>ホウ</t>
    </rPh>
    <rPh sb="166" eb="167">
      <t>ガク</t>
    </rPh>
    <phoneticPr fontId="1"/>
  </si>
  <si>
    <t>景観(格子)</t>
    <rPh sb="0" eb="2">
      <t>ケイカン</t>
    </rPh>
    <rPh sb="3" eb="5">
      <t>コウシ</t>
    </rPh>
    <phoneticPr fontId="1"/>
  </si>
  <si>
    <t>景観
(格子)</t>
    <rPh sb="0" eb="2">
      <t>ケイカン</t>
    </rPh>
    <rPh sb="4" eb="6">
      <t>コウシ</t>
    </rPh>
    <phoneticPr fontId="1"/>
  </si>
  <si>
    <t>景観(格子）</t>
    <rPh sb="0" eb="2">
      <t>ケイカン</t>
    </rPh>
    <rPh sb="3" eb="5">
      <t>コウシ</t>
    </rPh>
    <phoneticPr fontId="1"/>
  </si>
  <si>
    <r>
      <t>「整備費×補助率」又は「補助単価×整備延長」の
何れか低い金額
　　　【事業所】補助率90%・補助単価548,000円/ｍ
　　　【住　宅】補助率95%・補助単価578,000円/ｍ
　　</t>
    </r>
    <r>
      <rPr>
        <u/>
        <sz val="10.5"/>
        <color theme="1"/>
        <rFont val="ＭＳ Ｐ明朝"/>
        <family val="1"/>
        <charset val="128"/>
      </rPr>
      <t>整備費　　　　　　　　　　　　円×　　　　　％</t>
    </r>
    <r>
      <rPr>
        <sz val="10.5"/>
        <color theme="1"/>
        <rFont val="ＭＳ Ｐ明朝"/>
        <family val="1"/>
        <charset val="128"/>
      </rPr>
      <t xml:space="preserve">　　又は
</t>
    </r>
    <r>
      <rPr>
        <u/>
        <sz val="10.5"/>
        <color theme="1"/>
        <rFont val="ＭＳ Ｐ明朝"/>
        <family val="1"/>
        <charset val="128"/>
      </rPr>
      <t xml:space="preserve">
</t>
    </r>
    <r>
      <rPr>
        <sz val="10.5"/>
        <color theme="1"/>
        <rFont val="ＭＳ Ｐ明朝"/>
        <family val="1"/>
        <charset val="128"/>
      </rPr>
      <t>　　</t>
    </r>
    <r>
      <rPr>
        <u/>
        <sz val="10.5"/>
        <color theme="1"/>
        <rFont val="ＭＳ Ｐ明朝"/>
        <family val="1"/>
        <charset val="128"/>
      </rPr>
      <t>整備延長　　　　　　　　　　ｍ×　　　　　　　　　円</t>
    </r>
    <r>
      <rPr>
        <sz val="10.5"/>
        <color theme="1"/>
        <rFont val="ＭＳ Ｐ明朝"/>
        <family val="1"/>
        <charset val="128"/>
      </rPr>
      <t xml:space="preserve">
　　　のいずれか低い方の額</t>
    </r>
    <rPh sb="1" eb="3">
      <t>セイビ</t>
    </rPh>
    <rPh sb="5" eb="8">
      <t>ホジョリツ</t>
    </rPh>
    <rPh sb="9" eb="10">
      <t>マタ</t>
    </rPh>
    <rPh sb="12" eb="14">
      <t>ホジョ</t>
    </rPh>
    <rPh sb="14" eb="16">
      <t>タンカ</t>
    </rPh>
    <rPh sb="17" eb="19">
      <t>セイビ</t>
    </rPh>
    <rPh sb="19" eb="21">
      <t>エンチョウ</t>
    </rPh>
    <rPh sb="24" eb="25">
      <t>イズ</t>
    </rPh>
    <rPh sb="27" eb="28">
      <t>ヒク</t>
    </rPh>
    <rPh sb="29" eb="31">
      <t>キンガク</t>
    </rPh>
    <rPh sb="36" eb="39">
      <t>ジギョウショ</t>
    </rPh>
    <rPh sb="40" eb="43">
      <t>ホジョリツ</t>
    </rPh>
    <rPh sb="47" eb="49">
      <t>ホジョ</t>
    </rPh>
    <rPh sb="49" eb="51">
      <t>タンカ</t>
    </rPh>
    <rPh sb="58" eb="59">
      <t>エン</t>
    </rPh>
    <rPh sb="66" eb="67">
      <t>ジュウ</t>
    </rPh>
    <rPh sb="68" eb="69">
      <t>タク</t>
    </rPh>
    <rPh sb="70" eb="73">
      <t>ホジョリツ</t>
    </rPh>
    <rPh sb="77" eb="79">
      <t>ホジョ</t>
    </rPh>
    <rPh sb="79" eb="81">
      <t>タンカ</t>
    </rPh>
    <rPh sb="88" eb="89">
      <t>エン</t>
    </rPh>
    <rPh sb="95" eb="98">
      <t>セイビヒ</t>
    </rPh>
    <rPh sb="110" eb="111">
      <t>エン</t>
    </rPh>
    <rPh sb="120" eb="121">
      <t>マタ</t>
    </rPh>
    <rPh sb="126" eb="128">
      <t>セイビ</t>
    </rPh>
    <rPh sb="128" eb="130">
      <t>エンチョウ</t>
    </rPh>
    <rPh sb="151" eb="152">
      <t>エン</t>
    </rPh>
    <rPh sb="162" eb="163">
      <t>ヒク</t>
    </rPh>
    <rPh sb="164" eb="165">
      <t>ホウ</t>
    </rPh>
    <rPh sb="166" eb="167">
      <t>ガク</t>
    </rPh>
    <phoneticPr fontId="1"/>
  </si>
  <si>
    <t>確認済証の写し（第１面から第6面まで含む）</t>
    <rPh sb="0" eb="2">
      <t>カクニン</t>
    </rPh>
    <rPh sb="2" eb="3">
      <t>ズミ</t>
    </rPh>
    <rPh sb="3" eb="4">
      <t>ショウ</t>
    </rPh>
    <rPh sb="5" eb="6">
      <t>ウツ</t>
    </rPh>
    <phoneticPr fontId="1"/>
  </si>
  <si>
    <t>建物1棟につき10万円（取組みに応じて各10万円の加算あり）
□地元事業者利用（基本）
□新潟県産材の家づくり復興支援事業を併用（加算）
□上記１糸魚川市街なみ環境整備事業に取組む（加算）
□上記２糸魚川市建築物不燃化促進事業に取組む（加算）</t>
    <rPh sb="0" eb="2">
      <t>タテモノ</t>
    </rPh>
    <rPh sb="3" eb="4">
      <t>トウ</t>
    </rPh>
    <rPh sb="9" eb="11">
      <t>マンエン</t>
    </rPh>
    <rPh sb="12" eb="14">
      <t>トリク</t>
    </rPh>
    <rPh sb="16" eb="17">
      <t>オウ</t>
    </rPh>
    <rPh sb="19" eb="20">
      <t>カク</t>
    </rPh>
    <rPh sb="22" eb="24">
      <t>マンエン</t>
    </rPh>
    <rPh sb="25" eb="27">
      <t>カサン</t>
    </rPh>
    <rPh sb="40" eb="42">
      <t>キホン</t>
    </rPh>
    <rPh sb="45" eb="50">
      <t>ニイガタケンサンザイ</t>
    </rPh>
    <rPh sb="51" eb="52">
      <t>イエ</t>
    </rPh>
    <rPh sb="55" eb="57">
      <t>フッコウ</t>
    </rPh>
    <rPh sb="57" eb="59">
      <t>シエン</t>
    </rPh>
    <rPh sb="59" eb="61">
      <t>ジギョウ</t>
    </rPh>
    <rPh sb="62" eb="64">
      <t>ヘイヨウ</t>
    </rPh>
    <rPh sb="65" eb="67">
      <t>カサン</t>
    </rPh>
    <rPh sb="70" eb="72">
      <t>ジョウキ</t>
    </rPh>
    <rPh sb="73" eb="77">
      <t>イトイガワシ</t>
    </rPh>
    <rPh sb="77" eb="78">
      <t>マチ</t>
    </rPh>
    <rPh sb="80" eb="82">
      <t>カンキョウ</t>
    </rPh>
    <rPh sb="82" eb="84">
      <t>セイビ</t>
    </rPh>
    <rPh sb="84" eb="86">
      <t>ジギョウ</t>
    </rPh>
    <rPh sb="87" eb="89">
      <t>トリク</t>
    </rPh>
    <rPh sb="91" eb="93">
      <t>カサン</t>
    </rPh>
    <rPh sb="96" eb="98">
      <t>ジョウキ</t>
    </rPh>
    <rPh sb="99" eb="103">
      <t>イトイガワシ</t>
    </rPh>
    <rPh sb="103" eb="106">
      <t>ケンチクブツ</t>
    </rPh>
    <rPh sb="106" eb="109">
      <t>フネンカ</t>
    </rPh>
    <rPh sb="109" eb="111">
      <t>ソクシン</t>
    </rPh>
    <rPh sb="111" eb="113">
      <t>ジギョウ</t>
    </rPh>
    <rPh sb="114" eb="116">
      <t>トリク</t>
    </rPh>
    <rPh sb="118" eb="120">
      <t>カサン</t>
    </rPh>
    <phoneticPr fontId="1"/>
  </si>
  <si>
    <t>「新潟県産材の家づくり」交付予定者通知の写し</t>
    <rPh sb="1" eb="6">
      <t>ニイガタケンサンザイ</t>
    </rPh>
    <rPh sb="7" eb="8">
      <t>イエ</t>
    </rPh>
    <rPh sb="12" eb="14">
      <t>コウフ</t>
    </rPh>
    <rPh sb="14" eb="17">
      <t>ヨテイシャ</t>
    </rPh>
    <rPh sb="17" eb="19">
      <t>ツウチ</t>
    </rPh>
    <rPh sb="20" eb="21">
      <t>ウツ</t>
    </rPh>
    <phoneticPr fontId="1"/>
  </si>
  <si>
    <t>⑤</t>
    <phoneticPr fontId="1"/>
  </si>
  <si>
    <t>雁木等敷地</t>
    <rPh sb="0" eb="2">
      <t>ガンギ</t>
    </rPh>
    <rPh sb="2" eb="3">
      <t>トウ</t>
    </rPh>
    <rPh sb="3" eb="5">
      <t>シキチ</t>
    </rPh>
    <phoneticPr fontId="1"/>
  </si>
  <si>
    <t>１－⑤</t>
    <phoneticPr fontId="1"/>
  </si>
  <si>
    <r>
      <rPr>
        <u/>
        <sz val="10.5"/>
        <rFont val="ＭＳ Ｐ明朝"/>
        <family val="1"/>
        <charset val="128"/>
      </rPr>
      <t>補助対象経費　　　　　　　　　　　　　　　　　　　</t>
    </r>
    <r>
      <rPr>
        <sz val="10.5"/>
        <rFont val="ＭＳ Ｐ明朝"/>
        <family val="1"/>
        <charset val="128"/>
      </rPr>
      <t>（上限10万円）</t>
    </r>
    <rPh sb="0" eb="2">
      <t>ホジョ</t>
    </rPh>
    <rPh sb="2" eb="4">
      <t>タイショウ</t>
    </rPh>
    <rPh sb="4" eb="6">
      <t>ケイヒ</t>
    </rPh>
    <rPh sb="26" eb="28">
      <t>ジョウゲン</t>
    </rPh>
    <rPh sb="30" eb="32">
      <t>マンエン</t>
    </rPh>
    <phoneticPr fontId="1"/>
  </si>
  <si>
    <t>補助対象経費　　　　　　　　　　　　（補助対象経費の全額）</t>
    <rPh sb="0" eb="2">
      <t>ホジョ</t>
    </rPh>
    <rPh sb="2" eb="4">
      <t>タイショウ</t>
    </rPh>
    <rPh sb="4" eb="6">
      <t>ケイヒ</t>
    </rPh>
    <rPh sb="19" eb="21">
      <t>ホジョ</t>
    </rPh>
    <rPh sb="21" eb="23">
      <t>タイショウ</t>
    </rPh>
    <rPh sb="23" eb="25">
      <t>ケイヒ</t>
    </rPh>
    <rPh sb="26" eb="28">
      <t>ゼンガク</t>
    </rPh>
    <phoneticPr fontId="1"/>
  </si>
  <si>
    <r>
      <t>「整備費×補助率」又は「補助単価×整備延長」の
何れか低い金額
　　　【事業所】補助率90%・補助単価548,000円/ｍ
　　　【住　宅】補助率95%・補助単価578,000円/ｍ
　　</t>
    </r>
    <r>
      <rPr>
        <u/>
        <sz val="10.5"/>
        <rFont val="ＭＳ Ｐ明朝"/>
        <family val="1"/>
        <charset val="128"/>
      </rPr>
      <t>整備費　　　　　　　円　×　　　　　％</t>
    </r>
    <r>
      <rPr>
        <sz val="10.5"/>
        <rFont val="ＭＳ Ｐ明朝"/>
        <family val="1"/>
        <charset val="128"/>
      </rPr>
      <t xml:space="preserve">　　又は
</t>
    </r>
    <r>
      <rPr>
        <u/>
        <sz val="10.5"/>
        <rFont val="ＭＳ Ｐ明朝"/>
        <family val="1"/>
        <charset val="128"/>
      </rPr>
      <t xml:space="preserve">
</t>
    </r>
    <r>
      <rPr>
        <sz val="10.5"/>
        <rFont val="ＭＳ Ｐ明朝"/>
        <family val="1"/>
        <charset val="128"/>
      </rPr>
      <t>　　</t>
    </r>
    <r>
      <rPr>
        <u/>
        <sz val="10.5"/>
        <rFont val="ＭＳ Ｐ明朝"/>
        <family val="1"/>
        <charset val="128"/>
      </rPr>
      <t>整備延長　　　　　　 ｍ　×　　　　　円</t>
    </r>
    <r>
      <rPr>
        <sz val="10.5"/>
        <rFont val="ＭＳ Ｐ明朝"/>
        <family val="1"/>
        <charset val="128"/>
      </rPr>
      <t xml:space="preserve">
　　　のいずれか低い方の額</t>
    </r>
    <rPh sb="1" eb="3">
      <t>セイビ</t>
    </rPh>
    <rPh sb="5" eb="8">
      <t>ホジョリツ</t>
    </rPh>
    <rPh sb="9" eb="10">
      <t>マタ</t>
    </rPh>
    <rPh sb="12" eb="14">
      <t>ホジョ</t>
    </rPh>
    <rPh sb="14" eb="16">
      <t>タンカ</t>
    </rPh>
    <rPh sb="17" eb="19">
      <t>セイビ</t>
    </rPh>
    <rPh sb="19" eb="21">
      <t>エンチョウ</t>
    </rPh>
    <rPh sb="24" eb="25">
      <t>イズ</t>
    </rPh>
    <rPh sb="27" eb="28">
      <t>ヒク</t>
    </rPh>
    <rPh sb="29" eb="31">
      <t>キンガク</t>
    </rPh>
    <rPh sb="36" eb="39">
      <t>ジギョウショ</t>
    </rPh>
    <rPh sb="40" eb="43">
      <t>ホジョリツ</t>
    </rPh>
    <rPh sb="47" eb="49">
      <t>ホジョ</t>
    </rPh>
    <rPh sb="49" eb="51">
      <t>タンカ</t>
    </rPh>
    <rPh sb="58" eb="59">
      <t>エン</t>
    </rPh>
    <rPh sb="66" eb="67">
      <t>ジュウ</t>
    </rPh>
    <rPh sb="68" eb="69">
      <t>タク</t>
    </rPh>
    <rPh sb="70" eb="73">
      <t>ホジョリツ</t>
    </rPh>
    <rPh sb="77" eb="79">
      <t>ホジョ</t>
    </rPh>
    <rPh sb="79" eb="81">
      <t>タンカ</t>
    </rPh>
    <rPh sb="88" eb="89">
      <t>エン</t>
    </rPh>
    <rPh sb="95" eb="98">
      <t>セイビヒ</t>
    </rPh>
    <rPh sb="105" eb="106">
      <t>エン</t>
    </rPh>
    <rPh sb="116" eb="117">
      <t>マタ</t>
    </rPh>
    <rPh sb="122" eb="124">
      <t>セイビ</t>
    </rPh>
    <rPh sb="124" eb="126">
      <t>エンチョウ</t>
    </rPh>
    <rPh sb="141" eb="142">
      <t>エン</t>
    </rPh>
    <rPh sb="152" eb="153">
      <t>ヒク</t>
    </rPh>
    <rPh sb="154" eb="155">
      <t>ホウ</t>
    </rPh>
    <rPh sb="156" eb="157">
      <t>ガク</t>
    </rPh>
    <phoneticPr fontId="1"/>
  </si>
  <si>
    <t>申請合計　　　　　　　件</t>
    <rPh sb="0" eb="2">
      <t>シンセイ</t>
    </rPh>
    <rPh sb="2" eb="4">
      <t>ゴウケイ</t>
    </rPh>
    <rPh sb="11" eb="12">
      <t>ケ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6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12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4"/>
      <name val="ＭＳ Ｐ明朝"/>
      <family val="1"/>
      <charset val="128"/>
    </font>
    <font>
      <sz val="10.5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10.5"/>
      <color theme="1"/>
      <name val="ＭＳ Ｐ明朝"/>
      <family val="1"/>
      <charset val="128"/>
    </font>
    <font>
      <u/>
      <sz val="10.5"/>
      <color theme="1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u/>
      <sz val="10.5"/>
      <name val="ＭＳ Ｐ明朝"/>
      <family val="1"/>
      <charset val="128"/>
    </font>
    <font>
      <u/>
      <sz val="10"/>
      <name val="ＭＳ Ｐ明朝"/>
      <family val="1"/>
      <charset val="128"/>
    </font>
    <font>
      <sz val="14"/>
      <color theme="1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</fills>
  <borders count="7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/>
      <top style="double">
        <color auto="1"/>
      </top>
      <bottom style="medium">
        <color auto="1"/>
      </bottom>
      <diagonal/>
    </border>
    <border>
      <left/>
      <right/>
      <top style="double">
        <color auto="1"/>
      </top>
      <bottom style="medium">
        <color auto="1"/>
      </bottom>
      <diagonal/>
    </border>
    <border>
      <left/>
      <right style="thin">
        <color auto="1"/>
      </right>
      <top style="double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uble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double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</borders>
  <cellStyleXfs count="1">
    <xf numFmtId="0" fontId="0" fillId="0" borderId="0">
      <alignment vertical="center"/>
    </xf>
  </cellStyleXfs>
  <cellXfs count="199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176" fontId="2" fillId="0" borderId="1" xfId="0" applyNumberFormat="1" applyFont="1" applyBorder="1">
      <alignment vertical="center"/>
    </xf>
    <xf numFmtId="176" fontId="2" fillId="0" borderId="27" xfId="0" applyNumberFormat="1" applyFont="1" applyBorder="1" applyAlignment="1">
      <alignment horizontal="right" vertical="center"/>
    </xf>
    <xf numFmtId="176" fontId="2" fillId="0" borderId="2" xfId="0" applyNumberFormat="1" applyFont="1" applyBorder="1" applyAlignment="1">
      <alignment vertical="center"/>
    </xf>
    <xf numFmtId="0" fontId="3" fillId="0" borderId="29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4" fillId="0" borderId="0" xfId="0" applyFont="1">
      <alignment vertical="center"/>
    </xf>
    <xf numFmtId="0" fontId="4" fillId="0" borderId="12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5" fillId="2" borderId="49" xfId="0" applyFont="1" applyFill="1" applyBorder="1" applyAlignment="1">
      <alignment horizontal="left" vertical="center" wrapText="1"/>
    </xf>
    <xf numFmtId="0" fontId="6" fillId="2" borderId="54" xfId="0" applyFont="1" applyFill="1" applyBorder="1" applyAlignment="1">
      <alignment horizontal="distributed" vertical="center" wrapText="1"/>
    </xf>
    <xf numFmtId="0" fontId="5" fillId="2" borderId="0" xfId="0" applyFont="1" applyFill="1" applyBorder="1" applyAlignment="1">
      <alignment horizontal="distributed" vertical="center" wrapText="1"/>
    </xf>
    <xf numFmtId="0" fontId="7" fillId="2" borderId="36" xfId="0" applyFont="1" applyFill="1" applyBorder="1" applyAlignment="1">
      <alignment horizontal="center" vertical="center" wrapText="1"/>
    </xf>
    <xf numFmtId="0" fontId="5" fillId="2" borderId="36" xfId="0" applyFont="1" applyFill="1" applyBorder="1" applyAlignment="1">
      <alignment horizontal="center" vertical="center" wrapText="1"/>
    </xf>
    <xf numFmtId="0" fontId="8" fillId="0" borderId="37" xfId="0" applyFont="1" applyBorder="1">
      <alignment vertical="center"/>
    </xf>
    <xf numFmtId="0" fontId="5" fillId="2" borderId="50" xfId="0" applyFont="1" applyFill="1" applyBorder="1" applyAlignment="1">
      <alignment horizontal="left" vertical="center" wrapText="1"/>
    </xf>
    <xf numFmtId="0" fontId="6" fillId="2" borderId="55" xfId="0" applyFont="1" applyFill="1" applyBorder="1" applyAlignment="1">
      <alignment horizontal="distributed" vertical="center" wrapText="1"/>
    </xf>
    <xf numFmtId="0" fontId="7" fillId="2" borderId="38" xfId="0" applyFont="1" applyFill="1" applyBorder="1" applyAlignment="1">
      <alignment horizontal="center" vertical="center" wrapText="1"/>
    </xf>
    <xf numFmtId="0" fontId="5" fillId="2" borderId="38" xfId="0" applyFont="1" applyFill="1" applyBorder="1" applyAlignment="1">
      <alignment horizontal="center" vertical="center" wrapText="1"/>
    </xf>
    <xf numFmtId="0" fontId="8" fillId="0" borderId="39" xfId="0" applyFont="1" applyBorder="1">
      <alignment vertical="center"/>
    </xf>
    <xf numFmtId="0" fontId="8" fillId="0" borderId="44" xfId="0" applyFont="1" applyBorder="1">
      <alignment vertical="center"/>
    </xf>
    <xf numFmtId="0" fontId="5" fillId="2" borderId="8" xfId="0" applyFont="1" applyFill="1" applyBorder="1" applyAlignment="1">
      <alignment horizontal="left" vertical="center" wrapText="1"/>
    </xf>
    <xf numFmtId="0" fontId="6" fillId="2" borderId="26" xfId="0" applyFont="1" applyFill="1" applyBorder="1" applyAlignment="1">
      <alignment horizontal="distributed" vertical="center" wrapText="1"/>
    </xf>
    <xf numFmtId="0" fontId="5" fillId="2" borderId="4" xfId="0" applyFont="1" applyFill="1" applyBorder="1" applyAlignment="1">
      <alignment horizontal="distributed" vertical="center" wrapText="1"/>
    </xf>
    <xf numFmtId="0" fontId="7" fillId="2" borderId="40" xfId="0" applyFont="1" applyFill="1" applyBorder="1" applyAlignment="1">
      <alignment horizontal="center" vertical="center" wrapText="1"/>
    </xf>
    <xf numFmtId="0" fontId="5" fillId="2" borderId="43" xfId="0" applyFont="1" applyFill="1" applyBorder="1" applyAlignment="1">
      <alignment horizontal="center" vertical="center" wrapText="1"/>
    </xf>
    <xf numFmtId="0" fontId="8" fillId="0" borderId="41" xfId="0" applyFont="1" applyBorder="1">
      <alignment vertical="center"/>
    </xf>
    <xf numFmtId="0" fontId="5" fillId="2" borderId="51" xfId="0" applyFont="1" applyFill="1" applyBorder="1" applyAlignment="1">
      <alignment horizontal="left" vertical="center" wrapText="1"/>
    </xf>
    <xf numFmtId="0" fontId="6" fillId="2" borderId="56" xfId="0" applyFont="1" applyFill="1" applyBorder="1" applyAlignment="1">
      <alignment horizontal="distributed" vertical="center" wrapText="1"/>
    </xf>
    <xf numFmtId="0" fontId="5" fillId="2" borderId="45" xfId="0" applyFont="1" applyFill="1" applyBorder="1" applyAlignment="1">
      <alignment horizontal="center" vertical="center" wrapText="1"/>
    </xf>
    <xf numFmtId="0" fontId="8" fillId="0" borderId="42" xfId="0" applyFont="1" applyBorder="1">
      <alignment vertical="center"/>
    </xf>
    <xf numFmtId="0" fontId="5" fillId="2" borderId="40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left" vertical="center"/>
    </xf>
    <xf numFmtId="0" fontId="9" fillId="0" borderId="11" xfId="0" applyFont="1" applyBorder="1" applyAlignment="1">
      <alignment horizontal="center" vertical="center" wrapText="1" shrinkToFit="1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31" xfId="0" applyFont="1" applyBorder="1">
      <alignment vertical="center"/>
    </xf>
    <xf numFmtId="0" fontId="10" fillId="0" borderId="10" xfId="0" applyFont="1" applyBorder="1">
      <alignment vertical="center"/>
    </xf>
    <xf numFmtId="0" fontId="4" fillId="0" borderId="7" xfId="0" applyFont="1" applyBorder="1">
      <alignment vertical="center"/>
    </xf>
    <xf numFmtId="0" fontId="4" fillId="2" borderId="1" xfId="0" applyFont="1" applyFill="1" applyBorder="1" applyAlignment="1">
      <alignment horizontal="left" vertical="center" wrapText="1"/>
    </xf>
    <xf numFmtId="0" fontId="4" fillId="2" borderId="1" xfId="0" applyFont="1" applyFill="1" applyBorder="1" applyAlignment="1">
      <alignment horizontal="center" vertical="center" wrapText="1"/>
    </xf>
    <xf numFmtId="176" fontId="4" fillId="0" borderId="9" xfId="0" applyNumberFormat="1" applyFont="1" applyBorder="1" applyAlignment="1">
      <alignment vertical="center"/>
    </xf>
    <xf numFmtId="0" fontId="4" fillId="2" borderId="9" xfId="0" applyFont="1" applyFill="1" applyBorder="1" applyAlignment="1">
      <alignment horizontal="center" vertical="center" wrapText="1"/>
    </xf>
    <xf numFmtId="0" fontId="4" fillId="0" borderId="32" xfId="0" applyFont="1" applyBorder="1">
      <alignment vertical="center"/>
    </xf>
    <xf numFmtId="0" fontId="9" fillId="0" borderId="10" xfId="0" applyFont="1" applyBorder="1" applyAlignment="1">
      <alignment horizontal="left" vertical="center" wrapText="1"/>
    </xf>
    <xf numFmtId="0" fontId="4" fillId="0" borderId="17" xfId="0" applyFont="1" applyBorder="1" applyAlignment="1">
      <alignment vertical="center"/>
    </xf>
    <xf numFmtId="176" fontId="4" fillId="0" borderId="1" xfId="0" applyNumberFormat="1" applyFont="1" applyBorder="1" applyAlignment="1">
      <alignment vertical="center"/>
    </xf>
    <xf numFmtId="0" fontId="10" fillId="0" borderId="6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4" fillId="2" borderId="26" xfId="0" applyFont="1" applyFill="1" applyBorder="1" applyAlignment="1">
      <alignment horizontal="left" vertical="center" wrapText="1"/>
    </xf>
    <xf numFmtId="0" fontId="4" fillId="0" borderId="5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10" fillId="0" borderId="6" xfId="0" applyFont="1" applyBorder="1" applyAlignment="1">
      <alignment vertical="center" wrapText="1"/>
    </xf>
    <xf numFmtId="176" fontId="4" fillId="0" borderId="22" xfId="0" applyNumberFormat="1" applyFont="1" applyBorder="1" applyAlignment="1">
      <alignment vertical="center"/>
    </xf>
    <xf numFmtId="0" fontId="4" fillId="0" borderId="28" xfId="0" applyFont="1" applyBorder="1" applyAlignment="1">
      <alignment horizontal="center" vertical="center"/>
    </xf>
    <xf numFmtId="0" fontId="7" fillId="2" borderId="43" xfId="0" applyFont="1" applyFill="1" applyBorder="1" applyAlignment="1">
      <alignment horizontal="center" vertical="center" wrapText="1"/>
    </xf>
    <xf numFmtId="0" fontId="7" fillId="2" borderId="55" xfId="0" applyFont="1" applyFill="1" applyBorder="1" applyAlignment="1">
      <alignment horizontal="center" vertical="center" wrapText="1"/>
    </xf>
    <xf numFmtId="0" fontId="5" fillId="2" borderId="55" xfId="0" applyFont="1" applyFill="1" applyBorder="1" applyAlignment="1">
      <alignment horizontal="center" vertical="center" wrapText="1"/>
    </xf>
    <xf numFmtId="0" fontId="8" fillId="0" borderId="63" xfId="0" applyFont="1" applyBorder="1">
      <alignment vertical="center"/>
    </xf>
    <xf numFmtId="0" fontId="10" fillId="0" borderId="10" xfId="0" applyFont="1" applyBorder="1" applyAlignment="1">
      <alignment horizontal="left" vertical="center" wrapText="1"/>
    </xf>
    <xf numFmtId="0" fontId="4" fillId="0" borderId="12" xfId="0" applyFont="1" applyBorder="1" applyAlignment="1">
      <alignment horizontal="center" vertical="center"/>
    </xf>
    <xf numFmtId="0" fontId="5" fillId="2" borderId="53" xfId="0" applyFont="1" applyFill="1" applyBorder="1" applyAlignment="1">
      <alignment horizontal="distributed" vertical="center" wrapText="1"/>
    </xf>
    <xf numFmtId="0" fontId="5" fillId="2" borderId="0" xfId="0" applyFont="1" applyFill="1" applyBorder="1" applyAlignment="1">
      <alignment horizontal="distributed" vertical="center" wrapText="1"/>
    </xf>
    <xf numFmtId="0" fontId="5" fillId="2" borderId="4" xfId="0" applyFont="1" applyFill="1" applyBorder="1" applyAlignment="1">
      <alignment horizontal="distributed" vertical="center" wrapText="1"/>
    </xf>
    <xf numFmtId="0" fontId="6" fillId="2" borderId="56" xfId="0" applyFont="1" applyFill="1" applyBorder="1" applyAlignment="1">
      <alignment horizontal="distributed" vertical="center" wrapText="1"/>
    </xf>
    <xf numFmtId="0" fontId="6" fillId="2" borderId="55" xfId="0" applyFont="1" applyFill="1" applyBorder="1" applyAlignment="1">
      <alignment horizontal="distributed" vertical="center" wrapText="1"/>
    </xf>
    <xf numFmtId="0" fontId="5" fillId="2" borderId="34" xfId="0" applyFont="1" applyFill="1" applyBorder="1" applyAlignment="1">
      <alignment horizontal="distributed" vertical="center" wrapText="1"/>
    </xf>
    <xf numFmtId="0" fontId="5" fillId="2" borderId="62" xfId="0" applyFont="1" applyFill="1" applyBorder="1" applyAlignment="1">
      <alignment horizontal="center" vertical="center" wrapText="1"/>
    </xf>
    <xf numFmtId="0" fontId="7" fillId="2" borderId="64" xfId="0" applyFont="1" applyFill="1" applyBorder="1" applyAlignment="1">
      <alignment horizontal="center" vertical="center" wrapText="1"/>
    </xf>
    <xf numFmtId="0" fontId="5" fillId="2" borderId="64" xfId="0" applyFont="1" applyFill="1" applyBorder="1" applyAlignment="1">
      <alignment horizontal="center" vertical="center" wrapText="1"/>
    </xf>
    <xf numFmtId="0" fontId="8" fillId="0" borderId="65" xfId="0" applyFont="1" applyBorder="1">
      <alignment vertical="center"/>
    </xf>
    <xf numFmtId="0" fontId="7" fillId="2" borderId="66" xfId="0" applyFont="1" applyFill="1" applyBorder="1" applyAlignment="1">
      <alignment horizontal="center" vertical="center" wrapText="1"/>
    </xf>
    <xf numFmtId="0" fontId="5" fillId="2" borderId="66" xfId="0" applyFont="1" applyFill="1" applyBorder="1" applyAlignment="1">
      <alignment horizontal="center" vertical="center" wrapText="1"/>
    </xf>
    <xf numFmtId="0" fontId="8" fillId="0" borderId="67" xfId="0" applyFont="1" applyBorder="1">
      <alignment vertical="center"/>
    </xf>
    <xf numFmtId="0" fontId="4" fillId="0" borderId="15" xfId="0" applyFont="1" applyBorder="1" applyAlignment="1">
      <alignment horizontal="center" vertical="center" wrapText="1"/>
    </xf>
    <xf numFmtId="0" fontId="5" fillId="2" borderId="68" xfId="0" applyFont="1" applyFill="1" applyBorder="1" applyAlignment="1">
      <alignment horizontal="center" vertical="center" wrapText="1"/>
    </xf>
    <xf numFmtId="0" fontId="8" fillId="0" borderId="69" xfId="0" applyFont="1" applyBorder="1">
      <alignment vertical="center"/>
    </xf>
    <xf numFmtId="0" fontId="7" fillId="2" borderId="26" xfId="0" applyFont="1" applyFill="1" applyBorder="1" applyAlignment="1">
      <alignment horizontal="center" vertical="center" wrapText="1"/>
    </xf>
    <xf numFmtId="0" fontId="5" fillId="2" borderId="26" xfId="0" applyFont="1" applyFill="1" applyBorder="1" applyAlignment="1">
      <alignment horizontal="center" vertical="center" wrapText="1"/>
    </xf>
    <xf numFmtId="0" fontId="7" fillId="2" borderId="70" xfId="0" applyFont="1" applyFill="1" applyBorder="1" applyAlignment="1">
      <alignment horizontal="center" vertical="center" wrapText="1"/>
    </xf>
    <xf numFmtId="0" fontId="5" fillId="2" borderId="70" xfId="0" applyFont="1" applyFill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/>
    </xf>
    <xf numFmtId="0" fontId="4" fillId="0" borderId="21" xfId="0" applyFont="1" applyBorder="1" applyAlignment="1">
      <alignment horizontal="distributed" vertical="center" indent="5"/>
    </xf>
    <xf numFmtId="0" fontId="4" fillId="2" borderId="2" xfId="0" applyFont="1" applyFill="1" applyBorder="1" applyAlignment="1">
      <alignment horizontal="distributed" vertical="center" wrapText="1" indent="1"/>
    </xf>
    <xf numFmtId="0" fontId="4" fillId="2" borderId="51" xfId="0" applyFont="1" applyFill="1" applyBorder="1" applyAlignment="1">
      <alignment horizontal="center" vertical="center" wrapText="1"/>
    </xf>
    <xf numFmtId="0" fontId="4" fillId="2" borderId="8" xfId="0" applyFont="1" applyFill="1" applyBorder="1" applyAlignment="1">
      <alignment horizontal="center" vertical="center" wrapText="1"/>
    </xf>
    <xf numFmtId="0" fontId="5" fillId="2" borderId="61" xfId="0" applyFont="1" applyFill="1" applyBorder="1" applyAlignment="1">
      <alignment horizontal="center" vertical="center" wrapText="1"/>
    </xf>
    <xf numFmtId="0" fontId="7" fillId="2" borderId="59" xfId="0" applyFont="1" applyFill="1" applyBorder="1" applyAlignment="1">
      <alignment horizontal="center" vertical="center" wrapText="1"/>
    </xf>
    <xf numFmtId="0" fontId="3" fillId="0" borderId="0" xfId="0" applyFont="1" applyBorder="1" applyAlignment="1">
      <alignment horizontal="left"/>
    </xf>
    <xf numFmtId="0" fontId="7" fillId="2" borderId="71" xfId="0" applyFont="1" applyFill="1" applyBorder="1" applyAlignment="1">
      <alignment horizontal="center" vertical="center" wrapText="1"/>
    </xf>
    <xf numFmtId="0" fontId="5" fillId="2" borderId="72" xfId="0" applyFont="1" applyFill="1" applyBorder="1" applyAlignment="1">
      <alignment horizontal="center" vertical="center" wrapText="1"/>
    </xf>
    <xf numFmtId="0" fontId="5" fillId="2" borderId="53" xfId="0" applyFont="1" applyFill="1" applyBorder="1" applyAlignment="1">
      <alignment horizontal="distributed" vertical="center" wrapText="1"/>
    </xf>
    <xf numFmtId="0" fontId="5" fillId="2" borderId="0" xfId="0" applyFont="1" applyFill="1" applyBorder="1" applyAlignment="1">
      <alignment horizontal="distributed" vertical="center" wrapText="1"/>
    </xf>
    <xf numFmtId="0" fontId="5" fillId="2" borderId="4" xfId="0" applyFont="1" applyFill="1" applyBorder="1" applyAlignment="1">
      <alignment horizontal="distributed" vertical="center" wrapText="1"/>
    </xf>
    <xf numFmtId="0" fontId="6" fillId="2" borderId="56" xfId="0" applyFont="1" applyFill="1" applyBorder="1" applyAlignment="1">
      <alignment horizontal="distributed" vertical="center" wrapText="1"/>
    </xf>
    <xf numFmtId="0" fontId="6" fillId="2" borderId="55" xfId="0" applyFont="1" applyFill="1" applyBorder="1" applyAlignment="1">
      <alignment horizontal="distributed" vertical="center" wrapText="1"/>
    </xf>
    <xf numFmtId="0" fontId="5" fillId="2" borderId="0" xfId="0" applyFont="1" applyFill="1" applyBorder="1" applyAlignment="1">
      <alignment horizontal="distributed" vertical="center" wrapText="1"/>
    </xf>
    <xf numFmtId="0" fontId="6" fillId="2" borderId="55" xfId="0" applyFont="1" applyFill="1" applyBorder="1" applyAlignment="1">
      <alignment horizontal="distributed" vertical="center" wrapText="1"/>
    </xf>
    <xf numFmtId="0" fontId="12" fillId="0" borderId="7" xfId="0" applyFont="1" applyBorder="1">
      <alignment vertical="center"/>
    </xf>
    <xf numFmtId="0" fontId="5" fillId="2" borderId="1" xfId="0" applyFont="1" applyFill="1" applyBorder="1" applyAlignment="1">
      <alignment horizontal="left" vertical="center" wrapText="1"/>
    </xf>
    <xf numFmtId="0" fontId="5" fillId="2" borderId="9" xfId="0" applyFont="1" applyFill="1" applyBorder="1" applyAlignment="1">
      <alignment horizontal="center" vertical="center" wrapText="1"/>
    </xf>
    <xf numFmtId="176" fontId="5" fillId="0" borderId="9" xfId="0" applyNumberFormat="1" applyFont="1" applyBorder="1" applyAlignment="1">
      <alignment vertical="center"/>
    </xf>
    <xf numFmtId="0" fontId="8" fillId="0" borderId="10" xfId="0" applyFont="1" applyBorder="1">
      <alignment vertical="center"/>
    </xf>
    <xf numFmtId="0" fontId="5" fillId="2" borderId="1" xfId="0" applyFont="1" applyFill="1" applyBorder="1" applyAlignment="1">
      <alignment horizontal="center" vertical="center" wrapText="1"/>
    </xf>
    <xf numFmtId="0" fontId="6" fillId="0" borderId="10" xfId="0" applyFont="1" applyBorder="1" applyAlignment="1">
      <alignment horizontal="left" vertical="center" wrapText="1"/>
    </xf>
    <xf numFmtId="0" fontId="14" fillId="0" borderId="10" xfId="0" applyFont="1" applyBorder="1">
      <alignment vertical="center"/>
    </xf>
    <xf numFmtId="0" fontId="15" fillId="0" borderId="5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3" fillId="0" borderId="29" xfId="0" applyFont="1" applyBorder="1" applyAlignment="1">
      <alignment horizontal="left"/>
    </xf>
    <xf numFmtId="0" fontId="4" fillId="0" borderId="34" xfId="0" applyFont="1" applyBorder="1" applyAlignment="1">
      <alignment horizontal="center" vertical="center"/>
    </xf>
    <xf numFmtId="0" fontId="4" fillId="2" borderId="27" xfId="0" applyFont="1" applyFill="1" applyBorder="1" applyAlignment="1">
      <alignment horizontal="center" vertical="center" wrapText="1"/>
    </xf>
    <xf numFmtId="0" fontId="4" fillId="2" borderId="2" xfId="0" applyFont="1" applyFill="1" applyBorder="1" applyAlignment="1">
      <alignment horizontal="center" vertical="center" wrapText="1"/>
    </xf>
    <xf numFmtId="0" fontId="4" fillId="0" borderId="19" xfId="0" applyFont="1" applyBorder="1" applyAlignment="1">
      <alignment horizontal="distributed" vertical="center" indent="5"/>
    </xf>
    <xf numFmtId="0" fontId="4" fillId="0" borderId="20" xfId="0" applyFont="1" applyBorder="1" applyAlignment="1">
      <alignment horizontal="distributed" vertical="center" indent="5"/>
    </xf>
    <xf numFmtId="0" fontId="4" fillId="0" borderId="21" xfId="0" applyFont="1" applyBorder="1" applyAlignment="1">
      <alignment horizontal="distributed" vertical="center" indent="5"/>
    </xf>
    <xf numFmtId="0" fontId="4" fillId="0" borderId="33" xfId="0" applyFont="1" applyBorder="1" applyAlignment="1">
      <alignment horizontal="center" vertical="center"/>
    </xf>
    <xf numFmtId="0" fontId="4" fillId="0" borderId="30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2" borderId="18" xfId="0" applyFont="1" applyFill="1" applyBorder="1" applyAlignment="1">
      <alignment horizontal="center" vertical="center" textRotation="255" wrapText="1"/>
    </xf>
    <xf numFmtId="0" fontId="4" fillId="2" borderId="9" xfId="0" applyFont="1" applyFill="1" applyBorder="1" applyAlignment="1">
      <alignment horizontal="center" vertical="center" textRotation="255" wrapText="1"/>
    </xf>
    <xf numFmtId="0" fontId="4" fillId="2" borderId="27" xfId="0" applyFont="1" applyFill="1" applyBorder="1" applyAlignment="1">
      <alignment horizontal="distributed" vertical="center" wrapText="1" indent="1"/>
    </xf>
    <xf numFmtId="0" fontId="4" fillId="2" borderId="3" xfId="0" applyFont="1" applyFill="1" applyBorder="1" applyAlignment="1">
      <alignment horizontal="distributed" vertical="center" wrapText="1" indent="1"/>
    </xf>
    <xf numFmtId="0" fontId="4" fillId="2" borderId="2" xfId="0" applyFont="1" applyFill="1" applyBorder="1" applyAlignment="1">
      <alignment horizontal="distributed" vertical="center" wrapText="1" indent="1"/>
    </xf>
    <xf numFmtId="0" fontId="4" fillId="2" borderId="18" xfId="0" applyFont="1" applyFill="1" applyBorder="1" applyAlignment="1">
      <alignment horizontal="left" vertical="center" wrapText="1"/>
    </xf>
    <xf numFmtId="0" fontId="4" fillId="2" borderId="9" xfId="0" applyFont="1" applyFill="1" applyBorder="1" applyAlignment="1">
      <alignment horizontal="left" vertical="center" wrapText="1"/>
    </xf>
    <xf numFmtId="0" fontId="4" fillId="2" borderId="53" xfId="0" applyFont="1" applyFill="1" applyBorder="1" applyAlignment="1">
      <alignment horizontal="center" vertical="center" wrapText="1"/>
    </xf>
    <xf numFmtId="0" fontId="4" fillId="2" borderId="51" xfId="0" applyFont="1" applyFill="1" applyBorder="1" applyAlignment="1">
      <alignment horizontal="center" vertical="center" wrapText="1"/>
    </xf>
    <xf numFmtId="0" fontId="4" fillId="2" borderId="4" xfId="0" applyFont="1" applyFill="1" applyBorder="1" applyAlignment="1">
      <alignment horizontal="center" vertical="center" wrapText="1"/>
    </xf>
    <xf numFmtId="0" fontId="4" fillId="2" borderId="8" xfId="0" applyFont="1" applyFill="1" applyBorder="1" applyAlignment="1">
      <alignment horizontal="center" vertical="center" wrapText="1"/>
    </xf>
    <xf numFmtId="176" fontId="4" fillId="0" borderId="18" xfId="0" applyNumberFormat="1" applyFont="1" applyBorder="1" applyAlignment="1">
      <alignment horizontal="center" vertical="center"/>
    </xf>
    <xf numFmtId="176" fontId="4" fillId="0" borderId="9" xfId="0" applyNumberFormat="1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2" borderId="23" xfId="0" applyFont="1" applyFill="1" applyBorder="1" applyAlignment="1">
      <alignment horizontal="center" vertical="center" wrapText="1"/>
    </xf>
    <xf numFmtId="0" fontId="4" fillId="2" borderId="25" xfId="0" applyFont="1" applyFill="1" applyBorder="1" applyAlignment="1">
      <alignment horizontal="center" vertical="center" wrapText="1"/>
    </xf>
    <xf numFmtId="0" fontId="4" fillId="2" borderId="24" xfId="0" applyFont="1" applyFill="1" applyBorder="1" applyAlignment="1">
      <alignment horizontal="center" vertical="center" wrapText="1"/>
    </xf>
    <xf numFmtId="0" fontId="4" fillId="2" borderId="3" xfId="0" applyFont="1" applyFill="1" applyBorder="1" applyAlignment="1">
      <alignment horizontal="center" vertical="center" wrapText="1"/>
    </xf>
    <xf numFmtId="0" fontId="5" fillId="2" borderId="61" xfId="0" applyFont="1" applyFill="1" applyBorder="1" applyAlignment="1">
      <alignment horizontal="center" vertical="center" wrapText="1"/>
    </xf>
    <xf numFmtId="0" fontId="5" fillId="2" borderId="62" xfId="0" applyFont="1" applyFill="1" applyBorder="1" applyAlignment="1">
      <alignment horizontal="center" vertical="center" wrapText="1"/>
    </xf>
    <xf numFmtId="0" fontId="7" fillId="2" borderId="59" xfId="0" applyFont="1" applyFill="1" applyBorder="1" applyAlignment="1">
      <alignment horizontal="center" vertical="center" wrapText="1"/>
    </xf>
    <xf numFmtId="0" fontId="7" fillId="2" borderId="60" xfId="0" applyFont="1" applyFill="1" applyBorder="1" applyAlignment="1">
      <alignment horizontal="center" vertical="center" wrapText="1"/>
    </xf>
    <xf numFmtId="49" fontId="5" fillId="0" borderId="17" xfId="0" applyNumberFormat="1" applyFont="1" applyBorder="1" applyAlignment="1">
      <alignment horizontal="center" vertical="center"/>
    </xf>
    <xf numFmtId="49" fontId="5" fillId="0" borderId="32" xfId="0" applyNumberFormat="1" applyFont="1" applyBorder="1" applyAlignment="1">
      <alignment horizontal="center" vertical="center"/>
    </xf>
    <xf numFmtId="49" fontId="5" fillId="0" borderId="7" xfId="0" applyNumberFormat="1" applyFont="1" applyBorder="1" applyAlignment="1">
      <alignment horizontal="center" vertical="center"/>
    </xf>
    <xf numFmtId="49" fontId="5" fillId="0" borderId="56" xfId="0" applyNumberFormat="1" applyFont="1" applyBorder="1" applyAlignment="1">
      <alignment horizontal="center" vertical="center"/>
    </xf>
    <xf numFmtId="49" fontId="5" fillId="0" borderId="55" xfId="0" applyNumberFormat="1" applyFont="1" applyBorder="1" applyAlignment="1">
      <alignment horizontal="center" vertical="center"/>
    </xf>
    <xf numFmtId="49" fontId="5" fillId="0" borderId="26" xfId="0" applyNumberFormat="1" applyFont="1" applyBorder="1" applyAlignment="1">
      <alignment horizontal="center" vertical="center"/>
    </xf>
    <xf numFmtId="0" fontId="6" fillId="2" borderId="53" xfId="0" applyFont="1" applyFill="1" applyBorder="1" applyAlignment="1">
      <alignment horizontal="distributed" vertical="center" wrapText="1"/>
    </xf>
    <xf numFmtId="0" fontId="6" fillId="2" borderId="0" xfId="0" applyFont="1" applyFill="1" applyBorder="1" applyAlignment="1">
      <alignment horizontal="distributed" vertical="center" wrapText="1"/>
    </xf>
    <xf numFmtId="0" fontId="6" fillId="2" borderId="4" xfId="0" applyFont="1" applyFill="1" applyBorder="1" applyAlignment="1">
      <alignment horizontal="distributed" vertical="center" wrapText="1"/>
    </xf>
    <xf numFmtId="0" fontId="6" fillId="2" borderId="18" xfId="0" applyFont="1" applyFill="1" applyBorder="1" applyAlignment="1">
      <alignment horizontal="center" vertical="center" wrapText="1"/>
    </xf>
    <xf numFmtId="0" fontId="6" fillId="2" borderId="30" xfId="0" applyFont="1" applyFill="1" applyBorder="1" applyAlignment="1">
      <alignment horizontal="center" vertical="center" wrapText="1"/>
    </xf>
    <xf numFmtId="0" fontId="6" fillId="2" borderId="9" xfId="0" applyFont="1" applyFill="1" applyBorder="1" applyAlignment="1">
      <alignment horizontal="center" vertical="center" wrapText="1"/>
    </xf>
    <xf numFmtId="0" fontId="5" fillId="2" borderId="53" xfId="0" applyFont="1" applyFill="1" applyBorder="1" applyAlignment="1">
      <alignment horizontal="distributed" vertical="center" wrapText="1"/>
    </xf>
    <xf numFmtId="0" fontId="5" fillId="2" borderId="0" xfId="0" applyFont="1" applyFill="1" applyBorder="1" applyAlignment="1">
      <alignment horizontal="distributed" vertical="center" wrapText="1"/>
    </xf>
    <xf numFmtId="0" fontId="5" fillId="2" borderId="4" xfId="0" applyFont="1" applyFill="1" applyBorder="1" applyAlignment="1">
      <alignment horizontal="distributed" vertical="center" wrapText="1"/>
    </xf>
    <xf numFmtId="0" fontId="4" fillId="0" borderId="12" xfId="0" applyFont="1" applyBorder="1" applyAlignment="1">
      <alignment horizontal="distributed" vertical="center" indent="5"/>
    </xf>
    <xf numFmtId="0" fontId="4" fillId="0" borderId="35" xfId="0" applyFont="1" applyBorder="1" applyAlignment="1">
      <alignment horizontal="distributed" vertical="center" indent="5"/>
    </xf>
    <xf numFmtId="49" fontId="5" fillId="0" borderId="46" xfId="0" applyNumberFormat="1" applyFont="1" applyBorder="1" applyAlignment="1">
      <alignment horizontal="center" vertical="center"/>
    </xf>
    <xf numFmtId="0" fontId="5" fillId="2" borderId="34" xfId="0" applyFont="1" applyFill="1" applyBorder="1" applyAlignment="1">
      <alignment horizontal="distributed" vertical="center" wrapText="1"/>
    </xf>
    <xf numFmtId="0" fontId="6" fillId="2" borderId="33" xfId="0" applyFont="1" applyFill="1" applyBorder="1" applyAlignment="1">
      <alignment horizontal="center" vertical="center" wrapText="1"/>
    </xf>
    <xf numFmtId="0" fontId="6" fillId="2" borderId="34" xfId="0" applyFont="1" applyFill="1" applyBorder="1" applyAlignment="1">
      <alignment horizontal="distributed" vertical="center" wrapText="1"/>
    </xf>
    <xf numFmtId="0" fontId="4" fillId="0" borderId="58" xfId="0" applyFont="1" applyBorder="1" applyAlignment="1">
      <alignment horizontal="distributed" vertical="center" indent="2"/>
    </xf>
    <xf numFmtId="0" fontId="4" fillId="0" borderId="13" xfId="0" applyFont="1" applyBorder="1" applyAlignment="1">
      <alignment horizontal="distributed" vertical="center" indent="2"/>
    </xf>
    <xf numFmtId="0" fontId="4" fillId="0" borderId="14" xfId="0" applyFont="1" applyBorder="1" applyAlignment="1">
      <alignment horizontal="distributed" vertical="center" indent="2"/>
    </xf>
    <xf numFmtId="0" fontId="4" fillId="0" borderId="12" xfId="0" applyFont="1" applyBorder="1" applyAlignment="1">
      <alignment horizontal="distributed" vertical="center" indent="2"/>
    </xf>
    <xf numFmtId="49" fontId="5" fillId="0" borderId="54" xfId="0" applyNumberFormat="1" applyFont="1" applyBorder="1" applyAlignment="1">
      <alignment horizontal="center" vertical="center"/>
    </xf>
    <xf numFmtId="49" fontId="5" fillId="0" borderId="48" xfId="0" applyNumberFormat="1" applyFont="1" applyBorder="1" applyAlignment="1">
      <alignment horizontal="center" vertical="center"/>
    </xf>
    <xf numFmtId="0" fontId="5" fillId="2" borderId="51" xfId="0" applyFont="1" applyFill="1" applyBorder="1" applyAlignment="1">
      <alignment horizontal="center" vertical="center" wrapText="1"/>
    </xf>
    <xf numFmtId="0" fontId="5" fillId="2" borderId="50" xfId="0" applyFont="1" applyFill="1" applyBorder="1" applyAlignment="1">
      <alignment horizontal="center" vertical="center" wrapText="1"/>
    </xf>
    <xf numFmtId="0" fontId="5" fillId="2" borderId="52" xfId="0" applyFont="1" applyFill="1" applyBorder="1" applyAlignment="1">
      <alignment horizontal="center" vertical="center" wrapText="1"/>
    </xf>
    <xf numFmtId="49" fontId="5" fillId="0" borderId="57" xfId="0" applyNumberFormat="1" applyFont="1" applyBorder="1" applyAlignment="1">
      <alignment horizontal="center" vertical="center"/>
    </xf>
    <xf numFmtId="0" fontId="6" fillId="2" borderId="47" xfId="0" applyFont="1" applyFill="1" applyBorder="1" applyAlignment="1">
      <alignment horizontal="center" vertical="center" wrapText="1"/>
    </xf>
    <xf numFmtId="0" fontId="6" fillId="2" borderId="56" xfId="0" applyFont="1" applyFill="1" applyBorder="1" applyAlignment="1">
      <alignment horizontal="distributed" vertical="center" wrapText="1"/>
    </xf>
    <xf numFmtId="0" fontId="6" fillId="2" borderId="51" xfId="0" applyFont="1" applyFill="1" applyBorder="1" applyAlignment="1">
      <alignment horizontal="distributed" vertical="center" wrapText="1"/>
    </xf>
    <xf numFmtId="0" fontId="6" fillId="2" borderId="55" xfId="0" applyFont="1" applyFill="1" applyBorder="1" applyAlignment="1">
      <alignment horizontal="distributed" vertical="center" wrapText="1"/>
    </xf>
    <xf numFmtId="0" fontId="6" fillId="2" borderId="50" xfId="0" applyFont="1" applyFill="1" applyBorder="1" applyAlignment="1">
      <alignment horizontal="distributed" vertical="center" wrapText="1"/>
    </xf>
    <xf numFmtId="0" fontId="6" fillId="2" borderId="57" xfId="0" applyFont="1" applyFill="1" applyBorder="1" applyAlignment="1">
      <alignment horizontal="distributed" vertical="center" wrapText="1"/>
    </xf>
    <xf numFmtId="0" fontId="6" fillId="2" borderId="29" xfId="0" applyFont="1" applyFill="1" applyBorder="1" applyAlignment="1">
      <alignment horizontal="distributed" vertical="center" wrapText="1"/>
    </xf>
    <xf numFmtId="0" fontId="6" fillId="2" borderId="52" xfId="0" applyFont="1" applyFill="1" applyBorder="1" applyAlignment="1">
      <alignment horizontal="distributed" vertical="center" wrapText="1"/>
    </xf>
    <xf numFmtId="0" fontId="5" fillId="2" borderId="29" xfId="0" applyFont="1" applyFill="1" applyBorder="1" applyAlignment="1">
      <alignment horizontal="distributed" vertical="center" wrapText="1"/>
    </xf>
    <xf numFmtId="0" fontId="4" fillId="2" borderId="23" xfId="0" applyFont="1" applyFill="1" applyBorder="1" applyAlignment="1">
      <alignment horizontal="left" vertical="center" wrapText="1"/>
    </xf>
    <xf numFmtId="0" fontId="4" fillId="2" borderId="25" xfId="0" applyFont="1" applyFill="1" applyBorder="1" applyAlignment="1">
      <alignment horizontal="left" vertical="center" wrapText="1"/>
    </xf>
    <xf numFmtId="0" fontId="4" fillId="2" borderId="24" xfId="0" applyFont="1" applyFill="1" applyBorder="1" applyAlignment="1">
      <alignment horizontal="left" vertical="center" wrapText="1"/>
    </xf>
    <xf numFmtId="0" fontId="5" fillId="2" borderId="18" xfId="0" applyFont="1" applyFill="1" applyBorder="1" applyAlignment="1">
      <alignment horizontal="center" vertical="center" textRotation="255" wrapText="1"/>
    </xf>
    <xf numFmtId="0" fontId="5" fillId="2" borderId="30" xfId="0" applyFont="1" applyFill="1" applyBorder="1" applyAlignment="1">
      <alignment horizontal="center" vertical="center" textRotation="255" wrapText="1"/>
    </xf>
    <xf numFmtId="0" fontId="5" fillId="2" borderId="9" xfId="0" applyFont="1" applyFill="1" applyBorder="1" applyAlignment="1">
      <alignment horizontal="center" vertical="center" textRotation="255" wrapText="1"/>
    </xf>
    <xf numFmtId="0" fontId="2" fillId="0" borderId="27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emf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4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15</xdr:row>
          <xdr:rowOff>0</xdr:rowOff>
        </xdr:from>
        <xdr:to>
          <xdr:col>7</xdr:col>
          <xdr:colOff>3788375</xdr:colOff>
          <xdr:row>37</xdr:row>
          <xdr:rowOff>161925</xdr:rowOff>
        </xdr:to>
        <xdr:pic>
          <xdr:nvPicPr>
            <xdr:cNvPr id="3" name="図 2"/>
            <xdr:cNvPicPr>
              <a:picLocks noChangeAspect="1" noChangeArrowheads="1"/>
              <a:extLst>
                <a:ext uri="{84589F7E-364E-4C9E-8A38-B11213B215E9}">
                  <a14:cameraTool cellRange="Sheet4!$B$2:$O$21" spid="_x0000_s1148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200025" y="7867650"/>
              <a:ext cx="7293575" cy="3933825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63499</xdr:colOff>
          <xdr:row>15</xdr:row>
          <xdr:rowOff>0</xdr:rowOff>
        </xdr:from>
        <xdr:to>
          <xdr:col>9</xdr:col>
          <xdr:colOff>5218</xdr:colOff>
          <xdr:row>39</xdr:row>
          <xdr:rowOff>142876</xdr:rowOff>
        </xdr:to>
        <xdr:pic>
          <xdr:nvPicPr>
            <xdr:cNvPr id="2" name="図 1"/>
            <xdr:cNvPicPr>
              <a:picLocks noChangeAspect="1" noChangeArrowheads="1"/>
              <a:extLst>
                <a:ext uri="{84589F7E-364E-4C9E-8A38-B11213B215E9}">
                  <a14:cameraTool cellRange="Sheet4!$B$2:$O$21" spid="_x0000_s6262"/>
                </a:ext>
              </a:extLst>
            </xdr:cNvPicPr>
          </xdr:nvPicPr>
          <xdr:blipFill>
            <a:blip xmlns:r="http://schemas.openxmlformats.org/officeDocument/2006/relationships" r:embed="rId1"/>
            <a:srcRect/>
            <a:stretch>
              <a:fillRect/>
            </a:stretch>
          </xdr:blipFill>
          <xdr:spPr bwMode="auto">
            <a:xfrm>
              <a:off x="63499" y="7921625"/>
              <a:ext cx="8203069" cy="4333876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B2:H15"/>
  <sheetViews>
    <sheetView workbookViewId="0">
      <selection activeCell="F8" sqref="F8"/>
    </sheetView>
  </sheetViews>
  <sheetFormatPr defaultRowHeight="13.5" x14ac:dyDescent="0.15"/>
  <cols>
    <col min="1" max="1" width="2.625" style="11" customWidth="1"/>
    <col min="2" max="2" width="6.375" style="11" bestFit="1" customWidth="1"/>
    <col min="3" max="3" width="2.625" style="13" customWidth="1"/>
    <col min="4" max="4" width="2.625" style="37" customWidth="1"/>
    <col min="5" max="5" width="5.375" style="37" bestFit="1" customWidth="1"/>
    <col min="6" max="6" width="16.375" style="37" bestFit="1" customWidth="1"/>
    <col min="7" max="7" width="12.625" style="11" customWidth="1"/>
    <col min="8" max="8" width="50" style="11" customWidth="1"/>
    <col min="9" max="16384" width="9" style="11"/>
  </cols>
  <sheetData>
    <row r="2" spans="2:8" ht="24" customHeight="1" thickBot="1" x14ac:dyDescent="0.2">
      <c r="B2" s="115" t="s">
        <v>54</v>
      </c>
      <c r="C2" s="115"/>
      <c r="D2" s="115"/>
      <c r="E2" s="115"/>
      <c r="F2" s="115"/>
    </row>
    <row r="3" spans="2:8" s="13" customFormat="1" ht="35.1" customHeight="1" thickBot="1" x14ac:dyDescent="0.2">
      <c r="B3" s="38" t="s">
        <v>16</v>
      </c>
      <c r="C3" s="112" t="s">
        <v>0</v>
      </c>
      <c r="D3" s="113"/>
      <c r="E3" s="113"/>
      <c r="F3" s="114"/>
      <c r="G3" s="39" t="s">
        <v>1</v>
      </c>
      <c r="H3" s="40" t="s">
        <v>2</v>
      </c>
    </row>
    <row r="4" spans="2:8" ht="35.1" customHeight="1" x14ac:dyDescent="0.15">
      <c r="B4" s="41"/>
      <c r="C4" s="122">
        <v>1</v>
      </c>
      <c r="D4" s="141" t="s">
        <v>68</v>
      </c>
      <c r="E4" s="142"/>
      <c r="F4" s="142"/>
      <c r="G4" s="143"/>
      <c r="H4" s="42"/>
    </row>
    <row r="5" spans="2:8" ht="35.1" customHeight="1" x14ac:dyDescent="0.15">
      <c r="B5" s="43"/>
      <c r="C5" s="123"/>
      <c r="D5" s="44" t="s">
        <v>22</v>
      </c>
      <c r="E5" s="125" t="s">
        <v>11</v>
      </c>
      <c r="F5" s="45" t="s">
        <v>70</v>
      </c>
      <c r="G5" s="46"/>
      <c r="H5" s="42" t="s">
        <v>61</v>
      </c>
    </row>
    <row r="6" spans="2:8" ht="35.1" customHeight="1" x14ac:dyDescent="0.15">
      <c r="B6" s="43"/>
      <c r="C6" s="123"/>
      <c r="D6" s="44" t="s">
        <v>4</v>
      </c>
      <c r="E6" s="126"/>
      <c r="F6" s="47" t="s">
        <v>90</v>
      </c>
      <c r="G6" s="46"/>
      <c r="H6" s="42" t="s">
        <v>62</v>
      </c>
    </row>
    <row r="7" spans="2:8" ht="35.1" customHeight="1" x14ac:dyDescent="0.15">
      <c r="B7" s="43"/>
      <c r="C7" s="123"/>
      <c r="D7" s="44" t="s">
        <v>5</v>
      </c>
      <c r="E7" s="125" t="s">
        <v>12</v>
      </c>
      <c r="F7" s="47" t="s">
        <v>90</v>
      </c>
      <c r="G7" s="46"/>
      <c r="H7" s="42" t="s">
        <v>62</v>
      </c>
    </row>
    <row r="8" spans="2:8" ht="135" customHeight="1" x14ac:dyDescent="0.15">
      <c r="B8" s="48"/>
      <c r="C8" s="124"/>
      <c r="D8" s="44" t="s">
        <v>23</v>
      </c>
      <c r="E8" s="126"/>
      <c r="F8" s="45" t="s">
        <v>63</v>
      </c>
      <c r="G8" s="46"/>
      <c r="H8" s="49" t="s">
        <v>89</v>
      </c>
    </row>
    <row r="9" spans="2:8" ht="35.1" customHeight="1" x14ac:dyDescent="0.15">
      <c r="B9" s="50"/>
      <c r="C9" s="140">
        <v>2</v>
      </c>
      <c r="D9" s="117" t="s">
        <v>67</v>
      </c>
      <c r="E9" s="144"/>
      <c r="F9" s="144"/>
      <c r="G9" s="118"/>
      <c r="H9" s="52"/>
    </row>
    <row r="10" spans="2:8" ht="35.1" customHeight="1" x14ac:dyDescent="0.15">
      <c r="B10" s="53"/>
      <c r="C10" s="123"/>
      <c r="D10" s="54" t="s">
        <v>22</v>
      </c>
      <c r="E10" s="117" t="s">
        <v>11</v>
      </c>
      <c r="F10" s="118"/>
      <c r="G10" s="46"/>
      <c r="H10" s="42" t="s">
        <v>64</v>
      </c>
    </row>
    <row r="11" spans="2:8" ht="45.75" customHeight="1" x14ac:dyDescent="0.15">
      <c r="B11" s="138"/>
      <c r="C11" s="123"/>
      <c r="D11" s="130" t="s">
        <v>4</v>
      </c>
      <c r="E11" s="132" t="s">
        <v>12</v>
      </c>
      <c r="F11" s="133"/>
      <c r="G11" s="136"/>
      <c r="H11" s="64" t="s">
        <v>65</v>
      </c>
    </row>
    <row r="12" spans="2:8" ht="28.5" customHeight="1" x14ac:dyDescent="0.15">
      <c r="B12" s="139"/>
      <c r="C12" s="124"/>
      <c r="D12" s="131"/>
      <c r="E12" s="134"/>
      <c r="F12" s="135"/>
      <c r="G12" s="137"/>
      <c r="H12" s="64" t="s">
        <v>66</v>
      </c>
    </row>
    <row r="13" spans="2:8" ht="75" customHeight="1" thickBot="1" x14ac:dyDescent="0.2">
      <c r="B13" s="55"/>
      <c r="C13" s="56">
        <v>3</v>
      </c>
      <c r="D13" s="127" t="s">
        <v>6</v>
      </c>
      <c r="E13" s="128"/>
      <c r="F13" s="129"/>
      <c r="G13" s="51"/>
      <c r="H13" s="57" t="s">
        <v>71</v>
      </c>
    </row>
    <row r="14" spans="2:8" ht="35.1" customHeight="1" thickTop="1" thickBot="1" x14ac:dyDescent="0.2">
      <c r="B14" s="119" t="s">
        <v>7</v>
      </c>
      <c r="C14" s="120"/>
      <c r="D14" s="120"/>
      <c r="E14" s="120"/>
      <c r="F14" s="121"/>
      <c r="G14" s="58"/>
      <c r="H14" s="59" t="s">
        <v>8</v>
      </c>
    </row>
    <row r="15" spans="2:8" ht="21.95" customHeight="1" x14ac:dyDescent="0.15">
      <c r="B15" s="116"/>
      <c r="C15" s="116"/>
      <c r="D15" s="116"/>
      <c r="E15" s="116"/>
      <c r="F15" s="116"/>
      <c r="G15" s="116"/>
      <c r="H15" s="116"/>
    </row>
  </sheetData>
  <mergeCells count="16">
    <mergeCell ref="C3:F3"/>
    <mergeCell ref="B2:F2"/>
    <mergeCell ref="B15:H15"/>
    <mergeCell ref="E10:F10"/>
    <mergeCell ref="B14:F14"/>
    <mergeCell ref="C4:C8"/>
    <mergeCell ref="E7:E8"/>
    <mergeCell ref="E5:E6"/>
    <mergeCell ref="D13:F13"/>
    <mergeCell ref="D11:D12"/>
    <mergeCell ref="E11:F12"/>
    <mergeCell ref="G11:G12"/>
    <mergeCell ref="B11:B12"/>
    <mergeCell ref="C9:C12"/>
    <mergeCell ref="D4:G4"/>
    <mergeCell ref="D9:G9"/>
  </mergeCells>
  <phoneticPr fontId="1"/>
  <printOptions horizontalCentered="1" verticalCentered="1"/>
  <pageMargins left="0.78740157480314965" right="0.39370078740157483" top="0.43" bottom="0.3" header="0.31496062992125984" footer="0.31496062992125984"/>
  <pageSetup paperSize="9" scale="86" orientation="portrait" r:id="rId1"/>
  <drawing r:id="rId2"/>
  <legacy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L61"/>
  <sheetViews>
    <sheetView topLeftCell="A7" workbookViewId="0">
      <selection activeCell="F8" sqref="F8"/>
    </sheetView>
  </sheetViews>
  <sheetFormatPr defaultRowHeight="13.5" x14ac:dyDescent="0.15"/>
  <cols>
    <col min="1" max="1" width="2.625" style="11" customWidth="1"/>
    <col min="2" max="2" width="6.625" style="13" customWidth="1"/>
    <col min="3" max="3" width="0.875" style="13" customWidth="1"/>
    <col min="4" max="4" width="18.625" style="11" customWidth="1"/>
    <col min="5" max="5" width="0.875" style="11" customWidth="1"/>
    <col min="6" max="6" width="9.125" style="13" customWidth="1"/>
    <col min="7" max="7" width="0.875" style="13" customWidth="1"/>
    <col min="8" max="8" width="10.625" style="13" customWidth="1"/>
    <col min="9" max="9" width="0.875" style="11" customWidth="1"/>
    <col min="10" max="10" width="5.625" style="11" customWidth="1"/>
    <col min="11" max="11" width="3.125" style="11" customWidth="1"/>
    <col min="12" max="12" width="51.75" style="11" bestFit="1" customWidth="1"/>
    <col min="13" max="16384" width="9" style="11"/>
  </cols>
  <sheetData>
    <row r="2" spans="2:12" ht="20.100000000000001" customHeight="1" thickBot="1" x14ac:dyDescent="0.2">
      <c r="B2" s="7" t="s">
        <v>9</v>
      </c>
      <c r="C2" s="7"/>
      <c r="D2" s="7"/>
      <c r="E2" s="8"/>
      <c r="F2" s="9"/>
      <c r="G2" s="9"/>
      <c r="H2" s="9"/>
      <c r="I2" s="10"/>
      <c r="J2" s="10"/>
      <c r="K2" s="10"/>
    </row>
    <row r="3" spans="2:12" s="13" customFormat="1" ht="17.100000000000001" customHeight="1" thickBot="1" x14ac:dyDescent="0.2">
      <c r="B3" s="170" t="s">
        <v>0</v>
      </c>
      <c r="C3" s="171"/>
      <c r="D3" s="171"/>
      <c r="E3" s="172"/>
      <c r="F3" s="173" t="s">
        <v>10</v>
      </c>
      <c r="G3" s="171"/>
      <c r="H3" s="171"/>
      <c r="I3" s="172"/>
      <c r="J3" s="12" t="s">
        <v>17</v>
      </c>
      <c r="K3" s="164" t="s">
        <v>3</v>
      </c>
      <c r="L3" s="165"/>
    </row>
    <row r="4" spans="2:12" ht="17.100000000000001" customHeight="1" x14ac:dyDescent="0.15">
      <c r="B4" s="166" t="s">
        <v>48</v>
      </c>
      <c r="C4" s="174"/>
      <c r="D4" s="167" t="s">
        <v>55</v>
      </c>
      <c r="E4" s="14"/>
      <c r="F4" s="168" t="s">
        <v>19</v>
      </c>
      <c r="G4" s="15"/>
      <c r="H4" s="169" t="s">
        <v>60</v>
      </c>
      <c r="I4" s="16"/>
      <c r="J4" s="17" t="s">
        <v>25</v>
      </c>
      <c r="K4" s="18">
        <v>1</v>
      </c>
      <c r="L4" s="19" t="s">
        <v>26</v>
      </c>
    </row>
    <row r="5" spans="2:12" ht="17.100000000000001" customHeight="1" x14ac:dyDescent="0.15">
      <c r="B5" s="150"/>
      <c r="C5" s="153"/>
      <c r="D5" s="162"/>
      <c r="E5" s="20"/>
      <c r="F5" s="159"/>
      <c r="G5" s="21"/>
      <c r="H5" s="156"/>
      <c r="I5" s="16"/>
      <c r="J5" s="22" t="s">
        <v>25</v>
      </c>
      <c r="K5" s="23">
        <v>2</v>
      </c>
      <c r="L5" s="24" t="s">
        <v>32</v>
      </c>
    </row>
    <row r="6" spans="2:12" ht="17.100000000000001" customHeight="1" x14ac:dyDescent="0.15">
      <c r="B6" s="150"/>
      <c r="C6" s="153"/>
      <c r="D6" s="162"/>
      <c r="E6" s="20"/>
      <c r="F6" s="159"/>
      <c r="G6" s="21"/>
      <c r="H6" s="156"/>
      <c r="I6" s="16"/>
      <c r="J6" s="22" t="s">
        <v>25</v>
      </c>
      <c r="K6" s="23">
        <v>3</v>
      </c>
      <c r="L6" s="24" t="s">
        <v>27</v>
      </c>
    </row>
    <row r="7" spans="2:12" ht="17.100000000000001" customHeight="1" x14ac:dyDescent="0.15">
      <c r="B7" s="150"/>
      <c r="C7" s="153"/>
      <c r="D7" s="162"/>
      <c r="E7" s="20"/>
      <c r="F7" s="159"/>
      <c r="G7" s="21"/>
      <c r="H7" s="156"/>
      <c r="I7" s="16"/>
      <c r="J7" s="22" t="s">
        <v>25</v>
      </c>
      <c r="K7" s="23">
        <v>4</v>
      </c>
      <c r="L7" s="25" t="s">
        <v>33</v>
      </c>
    </row>
    <row r="8" spans="2:12" ht="17.100000000000001" customHeight="1" x14ac:dyDescent="0.15">
      <c r="B8" s="150"/>
      <c r="C8" s="153"/>
      <c r="D8" s="162"/>
      <c r="E8" s="20"/>
      <c r="F8" s="159"/>
      <c r="G8" s="21"/>
      <c r="H8" s="156"/>
      <c r="I8" s="16"/>
      <c r="J8" s="22" t="s">
        <v>25</v>
      </c>
      <c r="K8" s="23">
        <v>5</v>
      </c>
      <c r="L8" s="25" t="s">
        <v>34</v>
      </c>
    </row>
    <row r="9" spans="2:12" ht="17.100000000000001" customHeight="1" x14ac:dyDescent="0.15">
      <c r="B9" s="150"/>
      <c r="C9" s="153"/>
      <c r="D9" s="162"/>
      <c r="E9" s="20"/>
      <c r="F9" s="159"/>
      <c r="G9" s="21"/>
      <c r="H9" s="156"/>
      <c r="I9" s="16"/>
      <c r="J9" s="22" t="s">
        <v>25</v>
      </c>
      <c r="K9" s="23">
        <v>6</v>
      </c>
      <c r="L9" s="25" t="s">
        <v>35</v>
      </c>
    </row>
    <row r="10" spans="2:12" ht="17.100000000000001" customHeight="1" x14ac:dyDescent="0.15">
      <c r="B10" s="150"/>
      <c r="C10" s="153"/>
      <c r="D10" s="162"/>
      <c r="E10" s="20"/>
      <c r="F10" s="159"/>
      <c r="G10" s="21"/>
      <c r="H10" s="156"/>
      <c r="I10" s="16"/>
      <c r="J10" s="22" t="s">
        <v>25</v>
      </c>
      <c r="K10" s="23">
        <v>7</v>
      </c>
      <c r="L10" s="25" t="s">
        <v>28</v>
      </c>
    </row>
    <row r="11" spans="2:12" ht="17.100000000000001" customHeight="1" x14ac:dyDescent="0.15">
      <c r="B11" s="150"/>
      <c r="C11" s="153"/>
      <c r="D11" s="162"/>
      <c r="E11" s="20"/>
      <c r="F11" s="159"/>
      <c r="G11" s="21"/>
      <c r="H11" s="156"/>
      <c r="I11" s="16"/>
      <c r="J11" s="22" t="s">
        <v>25</v>
      </c>
      <c r="K11" s="23">
        <v>8</v>
      </c>
      <c r="L11" s="25" t="s">
        <v>36</v>
      </c>
    </row>
    <row r="12" spans="2:12" ht="17.100000000000001" customHeight="1" x14ac:dyDescent="0.15">
      <c r="B12" s="150"/>
      <c r="C12" s="153"/>
      <c r="D12" s="162"/>
      <c r="E12" s="20"/>
      <c r="F12" s="159"/>
      <c r="G12" s="21"/>
      <c r="H12" s="156"/>
      <c r="I12" s="16"/>
      <c r="J12" s="22" t="s">
        <v>25</v>
      </c>
      <c r="K12" s="23">
        <v>9</v>
      </c>
      <c r="L12" s="25" t="s">
        <v>29</v>
      </c>
    </row>
    <row r="13" spans="2:12" ht="17.100000000000001" customHeight="1" x14ac:dyDescent="0.15">
      <c r="B13" s="150"/>
      <c r="C13" s="153"/>
      <c r="D13" s="162"/>
      <c r="E13" s="20"/>
      <c r="F13" s="159"/>
      <c r="G13" s="21"/>
      <c r="H13" s="156"/>
      <c r="I13" s="16"/>
      <c r="J13" s="22" t="s">
        <v>25</v>
      </c>
      <c r="K13" s="23">
        <v>10</v>
      </c>
      <c r="L13" s="25" t="s">
        <v>30</v>
      </c>
    </row>
    <row r="14" spans="2:12" ht="17.100000000000001" customHeight="1" x14ac:dyDescent="0.15">
      <c r="B14" s="151"/>
      <c r="C14" s="154"/>
      <c r="D14" s="163"/>
      <c r="E14" s="26"/>
      <c r="F14" s="160"/>
      <c r="G14" s="27"/>
      <c r="H14" s="157"/>
      <c r="I14" s="28"/>
      <c r="J14" s="29" t="s">
        <v>25</v>
      </c>
      <c r="K14" s="30">
        <v>11</v>
      </c>
      <c r="L14" s="31" t="s">
        <v>37</v>
      </c>
    </row>
    <row r="15" spans="2:12" ht="17.100000000000001" customHeight="1" x14ac:dyDescent="0.15">
      <c r="B15" s="149" t="s">
        <v>49</v>
      </c>
      <c r="C15" s="152"/>
      <c r="D15" s="161" t="s">
        <v>55</v>
      </c>
      <c r="E15" s="32"/>
      <c r="F15" s="158" t="s">
        <v>11</v>
      </c>
      <c r="G15" s="33"/>
      <c r="H15" s="155" t="s">
        <v>91</v>
      </c>
      <c r="I15" s="16"/>
      <c r="J15" s="17" t="s">
        <v>25</v>
      </c>
      <c r="K15" s="34">
        <v>1</v>
      </c>
      <c r="L15" s="35" t="s">
        <v>26</v>
      </c>
    </row>
    <row r="16" spans="2:12" ht="17.100000000000001" customHeight="1" x14ac:dyDescent="0.15">
      <c r="B16" s="150"/>
      <c r="C16" s="153"/>
      <c r="D16" s="162"/>
      <c r="E16" s="20"/>
      <c r="F16" s="159"/>
      <c r="G16" s="21"/>
      <c r="H16" s="156"/>
      <c r="I16" s="16"/>
      <c r="J16" s="22" t="s">
        <v>25</v>
      </c>
      <c r="K16" s="23">
        <v>2</v>
      </c>
      <c r="L16" s="24" t="s">
        <v>33</v>
      </c>
    </row>
    <row r="17" spans="2:12" ht="17.100000000000001" customHeight="1" x14ac:dyDescent="0.15">
      <c r="B17" s="150"/>
      <c r="C17" s="153"/>
      <c r="D17" s="162"/>
      <c r="E17" s="20"/>
      <c r="F17" s="159"/>
      <c r="G17" s="21"/>
      <c r="H17" s="156"/>
      <c r="I17" s="16"/>
      <c r="J17" s="22" t="s">
        <v>25</v>
      </c>
      <c r="K17" s="23">
        <v>3</v>
      </c>
      <c r="L17" s="24" t="s">
        <v>34</v>
      </c>
    </row>
    <row r="18" spans="2:12" ht="17.100000000000001" customHeight="1" x14ac:dyDescent="0.15">
      <c r="B18" s="150"/>
      <c r="C18" s="153"/>
      <c r="D18" s="162"/>
      <c r="E18" s="20"/>
      <c r="F18" s="159"/>
      <c r="G18" s="21"/>
      <c r="H18" s="156"/>
      <c r="I18" s="16"/>
      <c r="J18" s="22" t="s">
        <v>25</v>
      </c>
      <c r="K18" s="23">
        <v>4</v>
      </c>
      <c r="L18" s="25" t="s">
        <v>28</v>
      </c>
    </row>
    <row r="19" spans="2:12" ht="17.100000000000001" customHeight="1" x14ac:dyDescent="0.15">
      <c r="B19" s="150"/>
      <c r="C19" s="153"/>
      <c r="D19" s="162"/>
      <c r="E19" s="20"/>
      <c r="F19" s="159"/>
      <c r="G19" s="21"/>
      <c r="H19" s="156"/>
      <c r="I19" s="16"/>
      <c r="J19" s="22" t="s">
        <v>25</v>
      </c>
      <c r="K19" s="23">
        <v>5</v>
      </c>
      <c r="L19" s="25" t="s">
        <v>38</v>
      </c>
    </row>
    <row r="20" spans="2:12" ht="17.100000000000001" customHeight="1" x14ac:dyDescent="0.15">
      <c r="B20" s="150"/>
      <c r="C20" s="153"/>
      <c r="D20" s="162"/>
      <c r="E20" s="20"/>
      <c r="F20" s="159"/>
      <c r="G20" s="21"/>
      <c r="H20" s="156"/>
      <c r="I20" s="16"/>
      <c r="J20" s="22" t="s">
        <v>25</v>
      </c>
      <c r="K20" s="23">
        <v>6</v>
      </c>
      <c r="L20" s="25" t="s">
        <v>29</v>
      </c>
    </row>
    <row r="21" spans="2:12" ht="17.100000000000001" customHeight="1" x14ac:dyDescent="0.15">
      <c r="B21" s="150"/>
      <c r="C21" s="153"/>
      <c r="D21" s="162"/>
      <c r="E21" s="20"/>
      <c r="F21" s="159"/>
      <c r="G21" s="21"/>
      <c r="H21" s="156"/>
      <c r="I21" s="16"/>
      <c r="J21" s="22" t="s">
        <v>25</v>
      </c>
      <c r="K21" s="23">
        <v>7</v>
      </c>
      <c r="L21" s="25" t="s">
        <v>30</v>
      </c>
    </row>
    <row r="22" spans="2:12" ht="17.100000000000001" customHeight="1" x14ac:dyDescent="0.15">
      <c r="B22" s="151"/>
      <c r="C22" s="154"/>
      <c r="D22" s="163"/>
      <c r="E22" s="26"/>
      <c r="F22" s="160"/>
      <c r="G22" s="27"/>
      <c r="H22" s="157"/>
      <c r="I22" s="28"/>
      <c r="J22" s="29" t="s">
        <v>25</v>
      </c>
      <c r="K22" s="36">
        <v>8</v>
      </c>
      <c r="L22" s="31" t="s">
        <v>37</v>
      </c>
    </row>
    <row r="23" spans="2:12" ht="17.100000000000001" customHeight="1" x14ac:dyDescent="0.15">
      <c r="B23" s="149" t="s">
        <v>50</v>
      </c>
      <c r="C23" s="152"/>
      <c r="D23" s="161" t="s">
        <v>55</v>
      </c>
      <c r="E23" s="32"/>
      <c r="F23" s="158" t="s">
        <v>20</v>
      </c>
      <c r="G23" s="33"/>
      <c r="H23" s="155" t="s">
        <v>91</v>
      </c>
      <c r="I23" s="16"/>
      <c r="J23" s="17" t="s">
        <v>25</v>
      </c>
      <c r="K23" s="18">
        <v>1</v>
      </c>
      <c r="L23" s="35" t="s">
        <v>26</v>
      </c>
    </row>
    <row r="24" spans="2:12" ht="17.100000000000001" customHeight="1" x14ac:dyDescent="0.15">
      <c r="B24" s="150"/>
      <c r="C24" s="153"/>
      <c r="D24" s="162"/>
      <c r="E24" s="20"/>
      <c r="F24" s="159"/>
      <c r="G24" s="21"/>
      <c r="H24" s="156"/>
      <c r="I24" s="16"/>
      <c r="J24" s="17" t="s">
        <v>44</v>
      </c>
      <c r="K24" s="18">
        <v>2</v>
      </c>
      <c r="L24" s="35" t="s">
        <v>33</v>
      </c>
    </row>
    <row r="25" spans="2:12" ht="17.100000000000001" customHeight="1" x14ac:dyDescent="0.15">
      <c r="B25" s="150"/>
      <c r="C25" s="153"/>
      <c r="D25" s="162"/>
      <c r="E25" s="20"/>
      <c r="F25" s="159"/>
      <c r="G25" s="21"/>
      <c r="H25" s="156"/>
      <c r="I25" s="16"/>
      <c r="J25" s="17" t="s">
        <v>44</v>
      </c>
      <c r="K25" s="18">
        <v>3</v>
      </c>
      <c r="L25" s="35" t="s">
        <v>45</v>
      </c>
    </row>
    <row r="26" spans="2:12" ht="17.100000000000001" customHeight="1" x14ac:dyDescent="0.15">
      <c r="B26" s="150"/>
      <c r="C26" s="153"/>
      <c r="D26" s="162"/>
      <c r="E26" s="20"/>
      <c r="F26" s="159"/>
      <c r="G26" s="21"/>
      <c r="H26" s="156"/>
      <c r="I26" s="16"/>
      <c r="J26" s="17" t="s">
        <v>44</v>
      </c>
      <c r="K26" s="18">
        <v>4</v>
      </c>
      <c r="L26" s="35" t="s">
        <v>28</v>
      </c>
    </row>
    <row r="27" spans="2:12" ht="17.100000000000001" customHeight="1" x14ac:dyDescent="0.15">
      <c r="B27" s="150"/>
      <c r="C27" s="153"/>
      <c r="D27" s="162"/>
      <c r="E27" s="20"/>
      <c r="F27" s="159"/>
      <c r="G27" s="21"/>
      <c r="H27" s="156"/>
      <c r="I27" s="16"/>
      <c r="J27" s="17" t="s">
        <v>44</v>
      </c>
      <c r="K27" s="18">
        <v>5</v>
      </c>
      <c r="L27" s="35" t="s">
        <v>38</v>
      </c>
    </row>
    <row r="28" spans="2:12" ht="17.100000000000001" customHeight="1" x14ac:dyDescent="0.15">
      <c r="B28" s="150"/>
      <c r="C28" s="153"/>
      <c r="D28" s="162"/>
      <c r="E28" s="20"/>
      <c r="F28" s="159"/>
      <c r="G28" s="21"/>
      <c r="H28" s="156"/>
      <c r="I28" s="16"/>
      <c r="J28" s="17" t="s">
        <v>44</v>
      </c>
      <c r="K28" s="18">
        <v>6</v>
      </c>
      <c r="L28" s="24" t="s">
        <v>29</v>
      </c>
    </row>
    <row r="29" spans="2:12" ht="17.100000000000001" customHeight="1" x14ac:dyDescent="0.15">
      <c r="B29" s="150"/>
      <c r="C29" s="153"/>
      <c r="D29" s="162"/>
      <c r="E29" s="20"/>
      <c r="F29" s="159"/>
      <c r="G29" s="21"/>
      <c r="H29" s="156"/>
      <c r="I29" s="16"/>
      <c r="J29" s="22" t="s">
        <v>25</v>
      </c>
      <c r="K29" s="18">
        <v>7</v>
      </c>
      <c r="L29" s="24" t="s">
        <v>30</v>
      </c>
    </row>
    <row r="30" spans="2:12" ht="17.100000000000001" customHeight="1" x14ac:dyDescent="0.15">
      <c r="B30" s="151"/>
      <c r="C30" s="154"/>
      <c r="D30" s="163"/>
      <c r="E30" s="26"/>
      <c r="F30" s="160"/>
      <c r="G30" s="27"/>
      <c r="H30" s="157"/>
      <c r="I30" s="28"/>
      <c r="J30" s="29" t="s">
        <v>25</v>
      </c>
      <c r="K30" s="36">
        <v>8</v>
      </c>
      <c r="L30" s="31" t="s">
        <v>37</v>
      </c>
    </row>
    <row r="31" spans="2:12" ht="17.100000000000001" customHeight="1" x14ac:dyDescent="0.15">
      <c r="B31" s="149" t="s">
        <v>52</v>
      </c>
      <c r="C31" s="152"/>
      <c r="D31" s="161" t="s">
        <v>55</v>
      </c>
      <c r="E31" s="32"/>
      <c r="F31" s="158" t="s">
        <v>12</v>
      </c>
      <c r="G31" s="33"/>
      <c r="H31" s="155" t="s">
        <v>21</v>
      </c>
      <c r="I31" s="16"/>
      <c r="J31" s="17" t="s">
        <v>25</v>
      </c>
      <c r="K31" s="18">
        <v>1</v>
      </c>
      <c r="L31" s="35" t="s">
        <v>26</v>
      </c>
    </row>
    <row r="32" spans="2:12" ht="17.100000000000001" customHeight="1" x14ac:dyDescent="0.15">
      <c r="B32" s="150"/>
      <c r="C32" s="153"/>
      <c r="D32" s="162"/>
      <c r="E32" s="20"/>
      <c r="F32" s="159"/>
      <c r="G32" s="21"/>
      <c r="H32" s="156"/>
      <c r="I32" s="16"/>
      <c r="J32" s="22" t="s">
        <v>25</v>
      </c>
      <c r="K32" s="23">
        <v>2</v>
      </c>
      <c r="L32" s="24" t="s">
        <v>40</v>
      </c>
    </row>
    <row r="33" spans="2:12" ht="17.100000000000001" customHeight="1" x14ac:dyDescent="0.15">
      <c r="B33" s="150"/>
      <c r="C33" s="153"/>
      <c r="D33" s="162"/>
      <c r="E33" s="20"/>
      <c r="F33" s="159"/>
      <c r="G33" s="21"/>
      <c r="H33" s="156"/>
      <c r="I33" s="16"/>
      <c r="J33" s="22" t="s">
        <v>25</v>
      </c>
      <c r="K33" s="23">
        <v>3</v>
      </c>
      <c r="L33" s="24" t="s">
        <v>41</v>
      </c>
    </row>
    <row r="34" spans="2:12" ht="17.100000000000001" customHeight="1" x14ac:dyDescent="0.15">
      <c r="B34" s="150"/>
      <c r="C34" s="153"/>
      <c r="D34" s="162"/>
      <c r="E34" s="20"/>
      <c r="F34" s="159"/>
      <c r="G34" s="21"/>
      <c r="H34" s="156"/>
      <c r="I34" s="16"/>
      <c r="J34" s="22" t="s">
        <v>25</v>
      </c>
      <c r="K34" s="23">
        <v>4</v>
      </c>
      <c r="L34" s="24" t="s">
        <v>33</v>
      </c>
    </row>
    <row r="35" spans="2:12" ht="17.100000000000001" customHeight="1" x14ac:dyDescent="0.15">
      <c r="B35" s="150"/>
      <c r="C35" s="153"/>
      <c r="D35" s="162"/>
      <c r="E35" s="20"/>
      <c r="F35" s="159"/>
      <c r="G35" s="21"/>
      <c r="H35" s="156"/>
      <c r="I35" s="16"/>
      <c r="J35" s="22" t="s">
        <v>25</v>
      </c>
      <c r="K35" s="23">
        <v>5</v>
      </c>
      <c r="L35" s="24" t="s">
        <v>46</v>
      </c>
    </row>
    <row r="36" spans="2:12" ht="17.100000000000001" customHeight="1" x14ac:dyDescent="0.15">
      <c r="B36" s="150"/>
      <c r="C36" s="153"/>
      <c r="D36" s="162"/>
      <c r="E36" s="20"/>
      <c r="F36" s="159"/>
      <c r="G36" s="21"/>
      <c r="H36" s="156"/>
      <c r="I36" s="16"/>
      <c r="J36" s="147" t="s">
        <v>25</v>
      </c>
      <c r="K36" s="145">
        <v>6</v>
      </c>
      <c r="L36" s="25" t="s">
        <v>58</v>
      </c>
    </row>
    <row r="37" spans="2:12" ht="17.100000000000001" customHeight="1" x14ac:dyDescent="0.15">
      <c r="B37" s="150"/>
      <c r="C37" s="153"/>
      <c r="D37" s="162"/>
      <c r="E37" s="20"/>
      <c r="F37" s="159"/>
      <c r="G37" s="21"/>
      <c r="H37" s="156"/>
      <c r="I37" s="16"/>
      <c r="J37" s="148"/>
      <c r="K37" s="146"/>
      <c r="L37" s="35" t="s">
        <v>88</v>
      </c>
    </row>
    <row r="38" spans="2:12" ht="17.100000000000001" customHeight="1" x14ac:dyDescent="0.15">
      <c r="B38" s="150"/>
      <c r="C38" s="153"/>
      <c r="D38" s="162"/>
      <c r="E38" s="20"/>
      <c r="F38" s="159"/>
      <c r="G38" s="21"/>
      <c r="H38" s="156"/>
      <c r="I38" s="16"/>
      <c r="J38" s="61" t="s">
        <v>25</v>
      </c>
      <c r="K38" s="62">
        <v>7</v>
      </c>
      <c r="L38" s="63" t="s">
        <v>29</v>
      </c>
    </row>
    <row r="39" spans="2:12" ht="17.100000000000001" customHeight="1" x14ac:dyDescent="0.15">
      <c r="B39" s="151"/>
      <c r="C39" s="154"/>
      <c r="D39" s="163"/>
      <c r="E39" s="26"/>
      <c r="F39" s="160"/>
      <c r="G39" s="27"/>
      <c r="H39" s="157"/>
      <c r="I39" s="28"/>
      <c r="J39" s="29" t="s">
        <v>25</v>
      </c>
      <c r="K39" s="36">
        <v>8</v>
      </c>
      <c r="L39" s="31" t="s">
        <v>30</v>
      </c>
    </row>
    <row r="40" spans="2:12" ht="17.100000000000001" customHeight="1" x14ac:dyDescent="0.15">
      <c r="B40" s="149" t="s">
        <v>51</v>
      </c>
      <c r="C40" s="152"/>
      <c r="D40" s="161" t="s">
        <v>56</v>
      </c>
      <c r="E40" s="32"/>
      <c r="F40" s="158" t="s">
        <v>19</v>
      </c>
      <c r="G40" s="33"/>
      <c r="H40" s="155"/>
      <c r="I40" s="16"/>
      <c r="J40" s="17" t="s">
        <v>25</v>
      </c>
      <c r="K40" s="18">
        <v>1</v>
      </c>
      <c r="L40" s="35" t="s">
        <v>26</v>
      </c>
    </row>
    <row r="41" spans="2:12" ht="17.100000000000001" customHeight="1" x14ac:dyDescent="0.15">
      <c r="B41" s="150"/>
      <c r="C41" s="153"/>
      <c r="D41" s="162"/>
      <c r="E41" s="20"/>
      <c r="F41" s="159"/>
      <c r="G41" s="21"/>
      <c r="H41" s="156"/>
      <c r="I41" s="16"/>
      <c r="J41" s="22" t="s">
        <v>25</v>
      </c>
      <c r="K41" s="23">
        <v>2</v>
      </c>
      <c r="L41" s="24" t="s">
        <v>85</v>
      </c>
    </row>
    <row r="42" spans="2:12" ht="17.100000000000001" customHeight="1" x14ac:dyDescent="0.15">
      <c r="B42" s="150"/>
      <c r="C42" s="153"/>
      <c r="D42" s="162"/>
      <c r="E42" s="20"/>
      <c r="F42" s="159"/>
      <c r="G42" s="21"/>
      <c r="H42" s="156"/>
      <c r="I42" s="16"/>
      <c r="J42" s="22" t="s">
        <v>25</v>
      </c>
      <c r="K42" s="23">
        <v>3</v>
      </c>
      <c r="L42" s="24" t="s">
        <v>31</v>
      </c>
    </row>
    <row r="43" spans="2:12" ht="17.100000000000001" customHeight="1" x14ac:dyDescent="0.15">
      <c r="B43" s="150"/>
      <c r="C43" s="153"/>
      <c r="D43" s="162"/>
      <c r="E43" s="20"/>
      <c r="F43" s="159"/>
      <c r="G43" s="21"/>
      <c r="H43" s="156"/>
      <c r="I43" s="16"/>
      <c r="J43" s="92" t="s">
        <v>25</v>
      </c>
      <c r="K43" s="91">
        <v>4</v>
      </c>
      <c r="L43" s="25" t="s">
        <v>33</v>
      </c>
    </row>
    <row r="44" spans="2:12" ht="17.100000000000001" customHeight="1" x14ac:dyDescent="0.15">
      <c r="B44" s="150"/>
      <c r="C44" s="153"/>
      <c r="D44" s="162"/>
      <c r="E44" s="20"/>
      <c r="F44" s="159"/>
      <c r="G44" s="21"/>
      <c r="H44" s="156"/>
      <c r="I44" s="16"/>
      <c r="J44" s="92" t="s">
        <v>25</v>
      </c>
      <c r="K44" s="91">
        <v>5</v>
      </c>
      <c r="L44" s="25" t="s">
        <v>86</v>
      </c>
    </row>
    <row r="45" spans="2:12" ht="17.100000000000001" customHeight="1" x14ac:dyDescent="0.15">
      <c r="B45" s="150"/>
      <c r="C45" s="153"/>
      <c r="D45" s="162"/>
      <c r="E45" s="20"/>
      <c r="F45" s="159"/>
      <c r="G45" s="21"/>
      <c r="H45" s="156"/>
      <c r="I45" s="16"/>
      <c r="J45" s="94" t="s">
        <v>25</v>
      </c>
      <c r="K45" s="95">
        <v>6</v>
      </c>
      <c r="L45" s="24" t="s">
        <v>87</v>
      </c>
    </row>
    <row r="46" spans="2:12" ht="17.100000000000001" customHeight="1" x14ac:dyDescent="0.15">
      <c r="B46" s="150"/>
      <c r="C46" s="153"/>
      <c r="D46" s="162"/>
      <c r="E46" s="20"/>
      <c r="F46" s="159"/>
      <c r="G46" s="21"/>
      <c r="H46" s="156"/>
      <c r="I46" s="16"/>
      <c r="J46" s="22" t="s">
        <v>25</v>
      </c>
      <c r="K46" s="23">
        <v>7</v>
      </c>
      <c r="L46" s="24" t="s">
        <v>29</v>
      </c>
    </row>
    <row r="47" spans="2:12" ht="17.100000000000001" customHeight="1" x14ac:dyDescent="0.15">
      <c r="B47" s="150"/>
      <c r="C47" s="153"/>
      <c r="D47" s="162"/>
      <c r="E47" s="20"/>
      <c r="F47" s="159"/>
      <c r="G47" s="21"/>
      <c r="H47" s="156"/>
      <c r="I47" s="16"/>
      <c r="J47" s="22" t="s">
        <v>25</v>
      </c>
      <c r="K47" s="23">
        <v>8</v>
      </c>
      <c r="L47" s="24" t="s">
        <v>30</v>
      </c>
    </row>
    <row r="48" spans="2:12" ht="17.100000000000001" customHeight="1" x14ac:dyDescent="0.15">
      <c r="B48" s="151"/>
      <c r="C48" s="154"/>
      <c r="D48" s="163"/>
      <c r="E48" s="26"/>
      <c r="F48" s="160"/>
      <c r="G48" s="27"/>
      <c r="H48" s="157"/>
      <c r="I48" s="28"/>
      <c r="J48" s="29" t="s">
        <v>25</v>
      </c>
      <c r="K48" s="36">
        <v>9</v>
      </c>
      <c r="L48" s="31" t="s">
        <v>37</v>
      </c>
    </row>
    <row r="49" spans="2:12" ht="17.100000000000001" customHeight="1" x14ac:dyDescent="0.15">
      <c r="B49" s="149" t="s">
        <v>53</v>
      </c>
      <c r="C49" s="152"/>
      <c r="D49" s="161" t="s">
        <v>56</v>
      </c>
      <c r="E49" s="32"/>
      <c r="F49" s="158" t="s">
        <v>20</v>
      </c>
      <c r="G49" s="33"/>
      <c r="H49" s="155"/>
      <c r="I49" s="16"/>
      <c r="J49" s="17" t="s">
        <v>25</v>
      </c>
      <c r="K49" s="18">
        <v>1</v>
      </c>
      <c r="L49" s="35" t="s">
        <v>26</v>
      </c>
    </row>
    <row r="50" spans="2:12" ht="17.100000000000001" customHeight="1" x14ac:dyDescent="0.15">
      <c r="B50" s="150"/>
      <c r="C50" s="153"/>
      <c r="D50" s="162"/>
      <c r="E50" s="20"/>
      <c r="F50" s="159"/>
      <c r="G50" s="21"/>
      <c r="H50" s="156"/>
      <c r="I50" s="16"/>
      <c r="J50" s="22" t="s">
        <v>25</v>
      </c>
      <c r="K50" s="23">
        <v>2</v>
      </c>
      <c r="L50" s="24" t="s">
        <v>39</v>
      </c>
    </row>
    <row r="51" spans="2:12" ht="17.100000000000001" customHeight="1" x14ac:dyDescent="0.15">
      <c r="B51" s="150"/>
      <c r="C51" s="153"/>
      <c r="D51" s="162"/>
      <c r="E51" s="20"/>
      <c r="F51" s="159"/>
      <c r="G51" s="21"/>
      <c r="H51" s="156"/>
      <c r="I51" s="16"/>
      <c r="J51" s="22" t="s">
        <v>25</v>
      </c>
      <c r="K51" s="23">
        <v>3</v>
      </c>
      <c r="L51" s="24" t="s">
        <v>40</v>
      </c>
    </row>
    <row r="52" spans="2:12" ht="17.100000000000001" customHeight="1" x14ac:dyDescent="0.15">
      <c r="B52" s="150"/>
      <c r="C52" s="153"/>
      <c r="D52" s="162"/>
      <c r="E52" s="20"/>
      <c r="F52" s="159"/>
      <c r="G52" s="21"/>
      <c r="H52" s="156"/>
      <c r="I52" s="16"/>
      <c r="J52" s="22" t="s">
        <v>25</v>
      </c>
      <c r="K52" s="23">
        <v>4</v>
      </c>
      <c r="L52" s="24" t="s">
        <v>41</v>
      </c>
    </row>
    <row r="53" spans="2:12" ht="17.100000000000001" customHeight="1" x14ac:dyDescent="0.15">
      <c r="B53" s="150"/>
      <c r="C53" s="153"/>
      <c r="D53" s="162"/>
      <c r="E53" s="20"/>
      <c r="F53" s="159"/>
      <c r="G53" s="21"/>
      <c r="H53" s="156"/>
      <c r="I53" s="16"/>
      <c r="J53" s="147" t="s">
        <v>25</v>
      </c>
      <c r="K53" s="145">
        <v>5</v>
      </c>
      <c r="L53" s="25" t="s">
        <v>57</v>
      </c>
    </row>
    <row r="54" spans="2:12" ht="17.100000000000001" customHeight="1" x14ac:dyDescent="0.15">
      <c r="B54" s="150"/>
      <c r="C54" s="153"/>
      <c r="D54" s="162"/>
      <c r="E54" s="20"/>
      <c r="F54" s="159"/>
      <c r="G54" s="21"/>
      <c r="H54" s="156"/>
      <c r="I54" s="16"/>
      <c r="J54" s="148"/>
      <c r="K54" s="146"/>
      <c r="L54" s="35" t="s">
        <v>59</v>
      </c>
    </row>
    <row r="55" spans="2:12" ht="17.100000000000001" customHeight="1" x14ac:dyDescent="0.15">
      <c r="B55" s="150"/>
      <c r="C55" s="153"/>
      <c r="D55" s="162"/>
      <c r="E55" s="20"/>
      <c r="F55" s="159"/>
      <c r="G55" s="21"/>
      <c r="H55" s="156"/>
      <c r="I55" s="16"/>
      <c r="J55" s="22" t="s">
        <v>25</v>
      </c>
      <c r="K55" s="23">
        <v>6</v>
      </c>
      <c r="L55" s="24" t="s">
        <v>42</v>
      </c>
    </row>
    <row r="56" spans="2:12" ht="17.100000000000001" customHeight="1" x14ac:dyDescent="0.15">
      <c r="B56" s="150"/>
      <c r="C56" s="153"/>
      <c r="D56" s="162"/>
      <c r="E56" s="20"/>
      <c r="F56" s="159"/>
      <c r="G56" s="21"/>
      <c r="H56" s="156"/>
      <c r="I56" s="16"/>
      <c r="J56" s="22" t="s">
        <v>25</v>
      </c>
      <c r="K56" s="23">
        <v>7</v>
      </c>
      <c r="L56" s="24" t="s">
        <v>43</v>
      </c>
    </row>
    <row r="57" spans="2:12" ht="17.100000000000001" customHeight="1" x14ac:dyDescent="0.15">
      <c r="B57" s="150"/>
      <c r="C57" s="153"/>
      <c r="D57" s="162"/>
      <c r="E57" s="20"/>
      <c r="F57" s="159"/>
      <c r="G57" s="21"/>
      <c r="H57" s="156"/>
      <c r="I57" s="16"/>
      <c r="J57" s="60" t="s">
        <v>25</v>
      </c>
      <c r="K57" s="30">
        <v>8</v>
      </c>
      <c r="L57" s="25" t="s">
        <v>29</v>
      </c>
    </row>
    <row r="58" spans="2:12" ht="17.100000000000001" customHeight="1" x14ac:dyDescent="0.15">
      <c r="B58" s="151"/>
      <c r="C58" s="154"/>
      <c r="D58" s="163"/>
      <c r="E58" s="26"/>
      <c r="F58" s="160"/>
      <c r="G58" s="27"/>
      <c r="H58" s="157"/>
      <c r="I58" s="28"/>
      <c r="J58" s="29" t="s">
        <v>25</v>
      </c>
      <c r="K58" s="36">
        <v>9</v>
      </c>
      <c r="L58" s="31" t="s">
        <v>37</v>
      </c>
    </row>
    <row r="59" spans="2:12" ht="17.100000000000001" customHeight="1" x14ac:dyDescent="0.15">
      <c r="B59" s="149" t="s">
        <v>47</v>
      </c>
      <c r="C59" s="152"/>
      <c r="D59" s="161" t="s">
        <v>72</v>
      </c>
      <c r="E59" s="176"/>
      <c r="F59" s="158"/>
      <c r="G59" s="181"/>
      <c r="H59" s="155"/>
      <c r="I59" s="182"/>
      <c r="J59" s="73" t="s">
        <v>44</v>
      </c>
      <c r="K59" s="74">
        <v>1</v>
      </c>
      <c r="L59" s="75" t="s">
        <v>18</v>
      </c>
    </row>
    <row r="60" spans="2:12" ht="17.100000000000001" customHeight="1" x14ac:dyDescent="0.15">
      <c r="B60" s="150"/>
      <c r="C60" s="153"/>
      <c r="D60" s="162"/>
      <c r="E60" s="177"/>
      <c r="F60" s="159"/>
      <c r="G60" s="183"/>
      <c r="H60" s="156"/>
      <c r="I60" s="184"/>
      <c r="J60" s="22" t="s">
        <v>44</v>
      </c>
      <c r="K60" s="23">
        <v>2</v>
      </c>
      <c r="L60" s="24" t="s">
        <v>30</v>
      </c>
    </row>
    <row r="61" spans="2:12" ht="17.100000000000001" customHeight="1" thickBot="1" x14ac:dyDescent="0.2">
      <c r="B61" s="175"/>
      <c r="C61" s="179"/>
      <c r="D61" s="188"/>
      <c r="E61" s="178"/>
      <c r="F61" s="180"/>
      <c r="G61" s="185"/>
      <c r="H61" s="186"/>
      <c r="I61" s="187"/>
      <c r="J61" s="76" t="s">
        <v>25</v>
      </c>
      <c r="K61" s="77">
        <v>3</v>
      </c>
      <c r="L61" s="78" t="s">
        <v>69</v>
      </c>
    </row>
  </sheetData>
  <mergeCells count="43">
    <mergeCell ref="H23:H30"/>
    <mergeCell ref="F23:F30"/>
    <mergeCell ref="D23:D30"/>
    <mergeCell ref="H31:H39"/>
    <mergeCell ref="H40:H48"/>
    <mergeCell ref="B59:B61"/>
    <mergeCell ref="E59:E61"/>
    <mergeCell ref="C59:C61"/>
    <mergeCell ref="F59:F61"/>
    <mergeCell ref="H49:H58"/>
    <mergeCell ref="G59:I61"/>
    <mergeCell ref="C49:C58"/>
    <mergeCell ref="D59:D61"/>
    <mergeCell ref="B31:B39"/>
    <mergeCell ref="D31:D39"/>
    <mergeCell ref="F31:F39"/>
    <mergeCell ref="C23:C30"/>
    <mergeCell ref="C40:C48"/>
    <mergeCell ref="C31:C39"/>
    <mergeCell ref="K3:L3"/>
    <mergeCell ref="B4:B14"/>
    <mergeCell ref="D4:D14"/>
    <mergeCell ref="F4:F14"/>
    <mergeCell ref="H4:H14"/>
    <mergeCell ref="B3:E3"/>
    <mergeCell ref="F3:I3"/>
    <mergeCell ref="C4:C14"/>
    <mergeCell ref="K53:K54"/>
    <mergeCell ref="J53:J54"/>
    <mergeCell ref="J36:J37"/>
    <mergeCell ref="K36:K37"/>
    <mergeCell ref="B15:B22"/>
    <mergeCell ref="C15:C22"/>
    <mergeCell ref="H15:H22"/>
    <mergeCell ref="F15:F22"/>
    <mergeCell ref="D15:D22"/>
    <mergeCell ref="B23:B30"/>
    <mergeCell ref="F49:F58"/>
    <mergeCell ref="F40:F48"/>
    <mergeCell ref="D49:D58"/>
    <mergeCell ref="D40:D48"/>
    <mergeCell ref="B49:B58"/>
    <mergeCell ref="B40:B48"/>
  </mergeCells>
  <phoneticPr fontId="1"/>
  <printOptions horizontalCentered="1" verticalCentered="1"/>
  <pageMargins left="0.78740157480314965" right="0.39370078740157483" top="0.39370078740157483" bottom="0.39370078740157483" header="0.31496062992125984" footer="0.31496062992125984"/>
  <pageSetup paperSize="9" scale="83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B2:I15"/>
  <sheetViews>
    <sheetView zoomScaleNormal="100" workbookViewId="0">
      <selection activeCell="F8" sqref="F8"/>
    </sheetView>
  </sheetViews>
  <sheetFormatPr defaultRowHeight="13.5" x14ac:dyDescent="0.15"/>
  <cols>
    <col min="1" max="1" width="0.875" style="11" customWidth="1"/>
    <col min="2" max="2" width="6.375" style="11" bestFit="1" customWidth="1"/>
    <col min="3" max="3" width="2.625" style="13" customWidth="1"/>
    <col min="4" max="4" width="2.625" style="37" customWidth="1"/>
    <col min="5" max="5" width="5.375" style="37" bestFit="1" customWidth="1"/>
    <col min="6" max="6" width="16.375" style="37" bestFit="1" customWidth="1"/>
    <col min="7" max="7" width="11.125" style="37" customWidth="1"/>
    <col min="8" max="8" width="12.625" style="11" customWidth="1"/>
    <col min="9" max="9" width="50" style="11" customWidth="1"/>
    <col min="10" max="16384" width="9" style="11"/>
  </cols>
  <sheetData>
    <row r="2" spans="2:9" ht="24" customHeight="1" thickBot="1" x14ac:dyDescent="0.2">
      <c r="B2" s="115" t="s">
        <v>54</v>
      </c>
      <c r="C2" s="115"/>
      <c r="D2" s="115"/>
      <c r="E2" s="115"/>
      <c r="F2" s="115"/>
      <c r="G2" s="93"/>
    </row>
    <row r="3" spans="2:9" s="13" customFormat="1" ht="35.1" customHeight="1" thickBot="1" x14ac:dyDescent="0.2">
      <c r="B3" s="38" t="s">
        <v>16</v>
      </c>
      <c r="C3" s="112" t="s">
        <v>0</v>
      </c>
      <c r="D3" s="113"/>
      <c r="E3" s="113"/>
      <c r="F3" s="114"/>
      <c r="G3" s="86" t="s">
        <v>84</v>
      </c>
      <c r="H3" s="79" t="s">
        <v>73</v>
      </c>
      <c r="I3" s="40" t="s">
        <v>2</v>
      </c>
    </row>
    <row r="4" spans="2:9" ht="35.1" customHeight="1" x14ac:dyDescent="0.15">
      <c r="B4" s="41"/>
      <c r="C4" s="122">
        <v>1</v>
      </c>
      <c r="D4" s="189" t="s">
        <v>68</v>
      </c>
      <c r="E4" s="190"/>
      <c r="F4" s="190"/>
      <c r="G4" s="190"/>
      <c r="H4" s="191"/>
      <c r="I4" s="42"/>
    </row>
    <row r="5" spans="2:9" ht="35.1" customHeight="1" x14ac:dyDescent="0.15">
      <c r="B5" s="43"/>
      <c r="C5" s="123"/>
      <c r="D5" s="44" t="s">
        <v>22</v>
      </c>
      <c r="E5" s="125" t="s">
        <v>11</v>
      </c>
      <c r="F5" s="45" t="s">
        <v>70</v>
      </c>
      <c r="G5" s="47"/>
      <c r="H5" s="46"/>
      <c r="I5" s="42" t="s">
        <v>61</v>
      </c>
    </row>
    <row r="6" spans="2:9" ht="35.1" customHeight="1" x14ac:dyDescent="0.15">
      <c r="B6" s="43"/>
      <c r="C6" s="123"/>
      <c r="D6" s="44" t="s">
        <v>4</v>
      </c>
      <c r="E6" s="126"/>
      <c r="F6" s="47" t="s">
        <v>92</v>
      </c>
      <c r="G6" s="47"/>
      <c r="H6" s="46"/>
      <c r="I6" s="42" t="s">
        <v>62</v>
      </c>
    </row>
    <row r="7" spans="2:9" ht="35.1" customHeight="1" x14ac:dyDescent="0.15">
      <c r="B7" s="43"/>
      <c r="C7" s="123"/>
      <c r="D7" s="44" t="s">
        <v>5</v>
      </c>
      <c r="E7" s="125" t="s">
        <v>12</v>
      </c>
      <c r="F7" s="47" t="s">
        <v>90</v>
      </c>
      <c r="G7" s="47"/>
      <c r="H7" s="46"/>
      <c r="I7" s="42" t="s">
        <v>62</v>
      </c>
    </row>
    <row r="8" spans="2:9" ht="135" customHeight="1" x14ac:dyDescent="0.15">
      <c r="B8" s="48"/>
      <c r="C8" s="124"/>
      <c r="D8" s="44" t="s">
        <v>23</v>
      </c>
      <c r="E8" s="126"/>
      <c r="F8" s="45" t="s">
        <v>63</v>
      </c>
      <c r="G8" s="47"/>
      <c r="H8" s="46"/>
      <c r="I8" s="49" t="s">
        <v>93</v>
      </c>
    </row>
    <row r="9" spans="2:9" ht="35.1" customHeight="1" x14ac:dyDescent="0.15">
      <c r="B9" s="50"/>
      <c r="C9" s="140">
        <v>2</v>
      </c>
      <c r="D9" s="117" t="s">
        <v>67</v>
      </c>
      <c r="E9" s="144"/>
      <c r="F9" s="144"/>
      <c r="G9" s="144"/>
      <c r="H9" s="118"/>
      <c r="I9" s="52"/>
    </row>
    <row r="10" spans="2:9" ht="35.1" customHeight="1" x14ac:dyDescent="0.15">
      <c r="B10" s="53"/>
      <c r="C10" s="123"/>
      <c r="D10" s="54" t="s">
        <v>22</v>
      </c>
      <c r="E10" s="117" t="s">
        <v>11</v>
      </c>
      <c r="F10" s="118"/>
      <c r="G10" s="90"/>
      <c r="H10" s="46"/>
      <c r="I10" s="42" t="s">
        <v>64</v>
      </c>
    </row>
    <row r="11" spans="2:9" ht="45.75" customHeight="1" x14ac:dyDescent="0.15">
      <c r="B11" s="138"/>
      <c r="C11" s="123"/>
      <c r="D11" s="130" t="s">
        <v>4</v>
      </c>
      <c r="E11" s="132" t="s">
        <v>12</v>
      </c>
      <c r="F11" s="133"/>
      <c r="G11" s="89"/>
      <c r="H11" s="136"/>
      <c r="I11" s="64" t="s">
        <v>65</v>
      </c>
    </row>
    <row r="12" spans="2:9" ht="28.5" customHeight="1" x14ac:dyDescent="0.15">
      <c r="B12" s="139"/>
      <c r="C12" s="124"/>
      <c r="D12" s="131"/>
      <c r="E12" s="134"/>
      <c r="F12" s="135"/>
      <c r="G12" s="90"/>
      <c r="H12" s="137"/>
      <c r="I12" s="64" t="s">
        <v>66</v>
      </c>
    </row>
    <row r="13" spans="2:9" ht="75" customHeight="1" thickBot="1" x14ac:dyDescent="0.2">
      <c r="B13" s="55"/>
      <c r="C13" s="56">
        <v>3</v>
      </c>
      <c r="D13" s="127" t="s">
        <v>72</v>
      </c>
      <c r="E13" s="128"/>
      <c r="F13" s="129"/>
      <c r="G13" s="88"/>
      <c r="H13" s="51"/>
      <c r="I13" s="57" t="s">
        <v>71</v>
      </c>
    </row>
    <row r="14" spans="2:9" ht="35.1" customHeight="1" thickTop="1" thickBot="1" x14ac:dyDescent="0.2">
      <c r="B14" s="119" t="s">
        <v>7</v>
      </c>
      <c r="C14" s="120"/>
      <c r="D14" s="120"/>
      <c r="E14" s="120"/>
      <c r="F14" s="121"/>
      <c r="G14" s="87"/>
      <c r="H14" s="58"/>
      <c r="I14" s="59" t="s">
        <v>8</v>
      </c>
    </row>
    <row r="15" spans="2:9" ht="21.95" customHeight="1" x14ac:dyDescent="0.15">
      <c r="B15" s="116"/>
      <c r="C15" s="116"/>
      <c r="D15" s="116"/>
      <c r="E15" s="116"/>
      <c r="F15" s="116"/>
      <c r="G15" s="116"/>
      <c r="H15" s="116"/>
      <c r="I15" s="116"/>
    </row>
  </sheetData>
  <mergeCells count="16">
    <mergeCell ref="D13:F13"/>
    <mergeCell ref="B14:F14"/>
    <mergeCell ref="B15:I15"/>
    <mergeCell ref="C9:C12"/>
    <mergeCell ref="D9:H9"/>
    <mergeCell ref="E10:F10"/>
    <mergeCell ref="B11:B12"/>
    <mergeCell ref="D11:D12"/>
    <mergeCell ref="E11:F12"/>
    <mergeCell ref="H11:H12"/>
    <mergeCell ref="B2:F2"/>
    <mergeCell ref="C3:F3"/>
    <mergeCell ref="C4:C8"/>
    <mergeCell ref="D4:H4"/>
    <mergeCell ref="E5:E6"/>
    <mergeCell ref="E7:E8"/>
  </mergeCells>
  <phoneticPr fontId="1"/>
  <printOptions horizontalCentered="1" verticalCentered="1"/>
  <pageMargins left="0.62" right="0.21" top="0.43" bottom="0.3" header="0.31496062992125984" footer="0.31496062992125984"/>
  <pageSetup paperSize="9" scale="86" orientation="portrait" r:id="rId1"/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H16"/>
  <sheetViews>
    <sheetView tabSelected="1" workbookViewId="0"/>
  </sheetViews>
  <sheetFormatPr defaultRowHeight="13.5" x14ac:dyDescent="0.15"/>
  <cols>
    <col min="1" max="1" width="2.625" style="11" customWidth="1"/>
    <col min="2" max="2" width="6.375" style="11" bestFit="1" customWidth="1"/>
    <col min="3" max="3" width="2.625" style="13" customWidth="1"/>
    <col min="4" max="4" width="2.625" style="37" customWidth="1"/>
    <col min="5" max="5" width="5.375" style="37" bestFit="1" customWidth="1"/>
    <col min="6" max="6" width="16.375" style="37" bestFit="1" customWidth="1"/>
    <col min="7" max="7" width="12.625" style="11" customWidth="1"/>
    <col min="8" max="8" width="50" style="11" customWidth="1"/>
    <col min="9" max="16384" width="9" style="11"/>
  </cols>
  <sheetData>
    <row r="2" spans="2:8" ht="24" customHeight="1" thickBot="1" x14ac:dyDescent="0.2">
      <c r="B2" s="115" t="s">
        <v>75</v>
      </c>
      <c r="C2" s="115"/>
      <c r="D2" s="115"/>
      <c r="E2" s="115"/>
      <c r="F2" s="115"/>
    </row>
    <row r="3" spans="2:8" s="13" customFormat="1" ht="35.1" customHeight="1" thickBot="1" x14ac:dyDescent="0.2">
      <c r="B3" s="38" t="s">
        <v>16</v>
      </c>
      <c r="C3" s="112" t="s">
        <v>0</v>
      </c>
      <c r="D3" s="113"/>
      <c r="E3" s="113"/>
      <c r="F3" s="114"/>
      <c r="G3" s="39" t="s">
        <v>74</v>
      </c>
      <c r="H3" s="40" t="s">
        <v>76</v>
      </c>
    </row>
    <row r="4" spans="2:8" ht="35.1" customHeight="1" x14ac:dyDescent="0.15">
      <c r="B4" s="41"/>
      <c r="C4" s="122">
        <v>1</v>
      </c>
      <c r="D4" s="141" t="s">
        <v>68</v>
      </c>
      <c r="E4" s="142"/>
      <c r="F4" s="142"/>
      <c r="G4" s="143"/>
      <c r="H4" s="42"/>
    </row>
    <row r="5" spans="2:8" ht="35.1" customHeight="1" x14ac:dyDescent="0.15">
      <c r="B5" s="43"/>
      <c r="C5" s="123"/>
      <c r="D5" s="44" t="s">
        <v>22</v>
      </c>
      <c r="E5" s="125" t="s">
        <v>11</v>
      </c>
      <c r="F5" s="45" t="s">
        <v>70</v>
      </c>
      <c r="G5" s="46"/>
      <c r="H5" s="42" t="s">
        <v>61</v>
      </c>
    </row>
    <row r="6" spans="2:8" ht="35.1" customHeight="1" x14ac:dyDescent="0.15">
      <c r="B6" s="43"/>
      <c r="C6" s="123"/>
      <c r="D6" s="44" t="s">
        <v>4</v>
      </c>
      <c r="E6" s="126"/>
      <c r="F6" s="47" t="s">
        <v>90</v>
      </c>
      <c r="G6" s="46"/>
      <c r="H6" s="42" t="s">
        <v>62</v>
      </c>
    </row>
    <row r="7" spans="2:8" ht="35.1" customHeight="1" x14ac:dyDescent="0.15">
      <c r="B7" s="43"/>
      <c r="C7" s="123"/>
      <c r="D7" s="104" t="s">
        <v>5</v>
      </c>
      <c r="E7" s="192" t="s">
        <v>12</v>
      </c>
      <c r="F7" s="105" t="s">
        <v>90</v>
      </c>
      <c r="G7" s="106"/>
      <c r="H7" s="107" t="s">
        <v>100</v>
      </c>
    </row>
    <row r="8" spans="2:8" ht="135" customHeight="1" x14ac:dyDescent="0.15">
      <c r="B8" s="111"/>
      <c r="C8" s="123"/>
      <c r="D8" s="104" t="s">
        <v>23</v>
      </c>
      <c r="E8" s="193"/>
      <c r="F8" s="108" t="s">
        <v>63</v>
      </c>
      <c r="G8" s="106"/>
      <c r="H8" s="109" t="s">
        <v>102</v>
      </c>
    </row>
    <row r="9" spans="2:8" ht="35.1" customHeight="1" x14ac:dyDescent="0.15">
      <c r="B9" s="103"/>
      <c r="C9" s="124"/>
      <c r="D9" s="104" t="s">
        <v>97</v>
      </c>
      <c r="E9" s="194"/>
      <c r="F9" s="105" t="s">
        <v>98</v>
      </c>
      <c r="G9" s="106"/>
      <c r="H9" s="110" t="s">
        <v>101</v>
      </c>
    </row>
    <row r="10" spans="2:8" ht="35.1" customHeight="1" x14ac:dyDescent="0.15">
      <c r="B10" s="50"/>
      <c r="C10" s="140">
        <v>2</v>
      </c>
      <c r="D10" s="117" t="s">
        <v>67</v>
      </c>
      <c r="E10" s="144"/>
      <c r="F10" s="144"/>
      <c r="G10" s="118"/>
      <c r="H10" s="52"/>
    </row>
    <row r="11" spans="2:8" ht="35.1" customHeight="1" x14ac:dyDescent="0.15">
      <c r="B11" s="53"/>
      <c r="C11" s="123"/>
      <c r="D11" s="54" t="s">
        <v>22</v>
      </c>
      <c r="E11" s="117" t="s">
        <v>11</v>
      </c>
      <c r="F11" s="118"/>
      <c r="G11" s="46"/>
      <c r="H11" s="42" t="s">
        <v>64</v>
      </c>
    </row>
    <row r="12" spans="2:8" ht="45.75" customHeight="1" x14ac:dyDescent="0.15">
      <c r="B12" s="138"/>
      <c r="C12" s="123"/>
      <c r="D12" s="130" t="s">
        <v>4</v>
      </c>
      <c r="E12" s="132" t="s">
        <v>12</v>
      </c>
      <c r="F12" s="133"/>
      <c r="G12" s="136"/>
      <c r="H12" s="64" t="s">
        <v>65</v>
      </c>
    </row>
    <row r="13" spans="2:8" ht="28.5" customHeight="1" x14ac:dyDescent="0.15">
      <c r="B13" s="139"/>
      <c r="C13" s="124"/>
      <c r="D13" s="131"/>
      <c r="E13" s="134"/>
      <c r="F13" s="135"/>
      <c r="G13" s="137"/>
      <c r="H13" s="64" t="s">
        <v>66</v>
      </c>
    </row>
    <row r="14" spans="2:8" ht="75" customHeight="1" thickBot="1" x14ac:dyDescent="0.2">
      <c r="B14" s="55"/>
      <c r="C14" s="56">
        <v>3</v>
      </c>
      <c r="D14" s="127" t="s">
        <v>72</v>
      </c>
      <c r="E14" s="128"/>
      <c r="F14" s="129"/>
      <c r="G14" s="51"/>
      <c r="H14" s="57" t="s">
        <v>95</v>
      </c>
    </row>
    <row r="15" spans="2:8" ht="35.1" customHeight="1" thickTop="1" thickBot="1" x14ac:dyDescent="0.2">
      <c r="B15" s="119" t="s">
        <v>7</v>
      </c>
      <c r="C15" s="120"/>
      <c r="D15" s="120"/>
      <c r="E15" s="120"/>
      <c r="F15" s="121"/>
      <c r="G15" s="58">
        <f>+G8</f>
        <v>0</v>
      </c>
      <c r="H15" s="59" t="s">
        <v>103</v>
      </c>
    </row>
    <row r="16" spans="2:8" ht="21.95" customHeight="1" x14ac:dyDescent="0.15">
      <c r="B16" s="116"/>
      <c r="C16" s="116"/>
      <c r="D16" s="116"/>
      <c r="E16" s="116"/>
      <c r="F16" s="116"/>
      <c r="G16" s="116"/>
      <c r="H16" s="116"/>
    </row>
  </sheetData>
  <mergeCells count="16">
    <mergeCell ref="D14:F14"/>
    <mergeCell ref="B15:F15"/>
    <mergeCell ref="B16:H16"/>
    <mergeCell ref="C10:C13"/>
    <mergeCell ref="D10:G10"/>
    <mergeCell ref="E11:F11"/>
    <mergeCell ref="B12:B13"/>
    <mergeCell ref="D12:D13"/>
    <mergeCell ref="E12:F13"/>
    <mergeCell ref="G12:G13"/>
    <mergeCell ref="B2:F2"/>
    <mergeCell ref="C3:F3"/>
    <mergeCell ref="D4:G4"/>
    <mergeCell ref="E5:E6"/>
    <mergeCell ref="C4:C9"/>
    <mergeCell ref="E7:E9"/>
  </mergeCells>
  <phoneticPr fontId="1"/>
  <printOptions horizontalCentered="1" verticalCentered="1"/>
  <pageMargins left="0.78740157480314965" right="0.39370078740157483" top="0.43307086614173229" bottom="0.31496062992125984" header="0.31496062992125984" footer="0.31496062992125984"/>
  <pageSetup paperSize="9" scale="83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L31"/>
  <sheetViews>
    <sheetView workbookViewId="0"/>
  </sheetViews>
  <sheetFormatPr defaultRowHeight="13.5" x14ac:dyDescent="0.15"/>
  <cols>
    <col min="1" max="1" width="2.625" style="11" customWidth="1"/>
    <col min="2" max="2" width="6.625" style="13" customWidth="1"/>
    <col min="3" max="3" width="0.875" style="13" customWidth="1"/>
    <col min="4" max="4" width="18.625" style="11" customWidth="1"/>
    <col min="5" max="5" width="0.875" style="11" customWidth="1"/>
    <col min="6" max="6" width="9.125" style="13" customWidth="1"/>
    <col min="7" max="7" width="0.875" style="13" customWidth="1"/>
    <col min="8" max="8" width="10.625" style="13" customWidth="1"/>
    <col min="9" max="9" width="0.875" style="11" customWidth="1"/>
    <col min="10" max="10" width="5.625" style="11" customWidth="1"/>
    <col min="11" max="11" width="3.125" style="11" customWidth="1"/>
    <col min="12" max="12" width="45.375" style="11" customWidth="1"/>
    <col min="13" max="16384" width="9" style="11"/>
  </cols>
  <sheetData>
    <row r="2" spans="2:12" ht="20.100000000000001" customHeight="1" thickBot="1" x14ac:dyDescent="0.2">
      <c r="B2" s="7" t="s">
        <v>9</v>
      </c>
      <c r="C2" s="7"/>
      <c r="D2" s="7"/>
      <c r="E2" s="8"/>
      <c r="F2" s="9"/>
      <c r="G2" s="9"/>
      <c r="H2" s="9"/>
      <c r="I2" s="10"/>
      <c r="J2" s="10"/>
      <c r="K2" s="10"/>
    </row>
    <row r="3" spans="2:12" s="13" customFormat="1" ht="22.5" customHeight="1" thickBot="1" x14ac:dyDescent="0.2">
      <c r="B3" s="170" t="s">
        <v>0</v>
      </c>
      <c r="C3" s="171"/>
      <c r="D3" s="171"/>
      <c r="E3" s="172"/>
      <c r="F3" s="173" t="s">
        <v>10</v>
      </c>
      <c r="G3" s="171"/>
      <c r="H3" s="171"/>
      <c r="I3" s="172"/>
      <c r="J3" s="65" t="s">
        <v>17</v>
      </c>
      <c r="K3" s="164" t="s">
        <v>3</v>
      </c>
      <c r="L3" s="165"/>
    </row>
    <row r="4" spans="2:12" ht="22.5" customHeight="1" x14ac:dyDescent="0.15">
      <c r="B4" s="166" t="s">
        <v>48</v>
      </c>
      <c r="C4" s="174"/>
      <c r="D4" s="167" t="s">
        <v>81</v>
      </c>
      <c r="E4" s="14"/>
      <c r="F4" s="168" t="s">
        <v>11</v>
      </c>
      <c r="G4" s="15"/>
      <c r="H4" s="169" t="s">
        <v>82</v>
      </c>
      <c r="I4" s="71"/>
      <c r="J4" s="84" t="s">
        <v>25</v>
      </c>
      <c r="K4" s="85">
        <v>1</v>
      </c>
      <c r="L4" s="19" t="s">
        <v>77</v>
      </c>
    </row>
    <row r="5" spans="2:12" ht="22.5" customHeight="1" x14ac:dyDescent="0.15">
      <c r="B5" s="150"/>
      <c r="C5" s="153"/>
      <c r="D5" s="162"/>
      <c r="E5" s="20"/>
      <c r="F5" s="159"/>
      <c r="G5" s="70"/>
      <c r="H5" s="156"/>
      <c r="I5" s="67"/>
      <c r="J5" s="22" t="s">
        <v>25</v>
      </c>
      <c r="K5" s="23">
        <v>2</v>
      </c>
      <c r="L5" s="24" t="s">
        <v>78</v>
      </c>
    </row>
    <row r="6" spans="2:12" ht="22.5" customHeight="1" x14ac:dyDescent="0.15">
      <c r="B6" s="150"/>
      <c r="C6" s="153"/>
      <c r="D6" s="162"/>
      <c r="E6" s="20"/>
      <c r="F6" s="159"/>
      <c r="G6" s="70"/>
      <c r="H6" s="157"/>
      <c r="I6" s="68"/>
      <c r="J6" s="29" t="s">
        <v>25</v>
      </c>
      <c r="K6" s="36">
        <v>3</v>
      </c>
      <c r="L6" s="31" t="s">
        <v>79</v>
      </c>
    </row>
    <row r="7" spans="2:12" ht="22.5" customHeight="1" x14ac:dyDescent="0.15">
      <c r="B7" s="149" t="s">
        <v>49</v>
      </c>
      <c r="C7" s="152"/>
      <c r="D7" s="161" t="s">
        <v>81</v>
      </c>
      <c r="E7" s="32"/>
      <c r="F7" s="158" t="s">
        <v>11</v>
      </c>
      <c r="G7" s="69"/>
      <c r="H7" s="156" t="s">
        <v>91</v>
      </c>
      <c r="I7" s="67"/>
      <c r="J7" s="17" t="s">
        <v>25</v>
      </c>
      <c r="K7" s="72">
        <v>1</v>
      </c>
      <c r="L7" s="35" t="s">
        <v>77</v>
      </c>
    </row>
    <row r="8" spans="2:12" ht="22.5" customHeight="1" x14ac:dyDescent="0.15">
      <c r="B8" s="150"/>
      <c r="C8" s="153"/>
      <c r="D8" s="162"/>
      <c r="E8" s="20"/>
      <c r="F8" s="159"/>
      <c r="G8" s="70"/>
      <c r="H8" s="156"/>
      <c r="I8" s="67"/>
      <c r="J8" s="22" t="s">
        <v>25</v>
      </c>
      <c r="K8" s="23">
        <v>2</v>
      </c>
      <c r="L8" s="24" t="s">
        <v>78</v>
      </c>
    </row>
    <row r="9" spans="2:12" ht="22.5" customHeight="1" x14ac:dyDescent="0.15">
      <c r="B9" s="150"/>
      <c r="C9" s="153"/>
      <c r="D9" s="162"/>
      <c r="E9" s="20"/>
      <c r="F9" s="159"/>
      <c r="G9" s="70"/>
      <c r="H9" s="156"/>
      <c r="I9" s="67"/>
      <c r="J9" s="22" t="s">
        <v>25</v>
      </c>
      <c r="K9" s="23">
        <v>3</v>
      </c>
      <c r="L9" s="24" t="s">
        <v>79</v>
      </c>
    </row>
    <row r="10" spans="2:12" ht="22.5" customHeight="1" x14ac:dyDescent="0.15">
      <c r="B10" s="149" t="s">
        <v>50</v>
      </c>
      <c r="C10" s="152"/>
      <c r="D10" s="161" t="s">
        <v>81</v>
      </c>
      <c r="E10" s="32"/>
      <c r="F10" s="158" t="s">
        <v>12</v>
      </c>
      <c r="G10" s="69"/>
      <c r="H10" s="155" t="s">
        <v>91</v>
      </c>
      <c r="I10" s="66"/>
      <c r="J10" s="73" t="s">
        <v>25</v>
      </c>
      <c r="K10" s="74">
        <v>1</v>
      </c>
      <c r="L10" s="75" t="s">
        <v>77</v>
      </c>
    </row>
    <row r="11" spans="2:12" ht="22.5" customHeight="1" x14ac:dyDescent="0.15">
      <c r="B11" s="150"/>
      <c r="C11" s="153"/>
      <c r="D11" s="162"/>
      <c r="E11" s="20"/>
      <c r="F11" s="159"/>
      <c r="G11" s="70"/>
      <c r="H11" s="156"/>
      <c r="I11" s="67"/>
      <c r="J11" s="17" t="s">
        <v>44</v>
      </c>
      <c r="K11" s="18">
        <v>2</v>
      </c>
      <c r="L11" s="24" t="s">
        <v>78</v>
      </c>
    </row>
    <row r="12" spans="2:12" ht="22.5" customHeight="1" x14ac:dyDescent="0.15">
      <c r="B12" s="150"/>
      <c r="C12" s="153"/>
      <c r="D12" s="162"/>
      <c r="E12" s="20"/>
      <c r="F12" s="159"/>
      <c r="G12" s="70"/>
      <c r="H12" s="157"/>
      <c r="I12" s="68"/>
      <c r="J12" s="82" t="s">
        <v>44</v>
      </c>
      <c r="K12" s="83">
        <v>3</v>
      </c>
      <c r="L12" s="31" t="s">
        <v>79</v>
      </c>
    </row>
    <row r="13" spans="2:12" ht="22.5" customHeight="1" x14ac:dyDescent="0.15">
      <c r="B13" s="149" t="s">
        <v>52</v>
      </c>
      <c r="C13" s="152"/>
      <c r="D13" s="161" t="s">
        <v>81</v>
      </c>
      <c r="E13" s="32"/>
      <c r="F13" s="158" t="s">
        <v>12</v>
      </c>
      <c r="G13" s="99"/>
      <c r="H13" s="155" t="s">
        <v>21</v>
      </c>
      <c r="I13" s="96"/>
      <c r="J13" s="73" t="s">
        <v>25</v>
      </c>
      <c r="K13" s="74">
        <v>1</v>
      </c>
      <c r="L13" s="75" t="s">
        <v>77</v>
      </c>
    </row>
    <row r="14" spans="2:12" ht="22.5" customHeight="1" x14ac:dyDescent="0.15">
      <c r="B14" s="150"/>
      <c r="C14" s="153"/>
      <c r="D14" s="162"/>
      <c r="E14" s="20"/>
      <c r="F14" s="159"/>
      <c r="G14" s="100"/>
      <c r="H14" s="156"/>
      <c r="I14" s="97"/>
      <c r="J14" s="22" t="s">
        <v>25</v>
      </c>
      <c r="K14" s="23">
        <v>2</v>
      </c>
      <c r="L14" s="24" t="s">
        <v>78</v>
      </c>
    </row>
    <row r="15" spans="2:12" ht="22.5" customHeight="1" x14ac:dyDescent="0.15">
      <c r="B15" s="151"/>
      <c r="C15" s="154"/>
      <c r="D15" s="163"/>
      <c r="E15" s="26"/>
      <c r="F15" s="160"/>
      <c r="G15" s="27"/>
      <c r="H15" s="157"/>
      <c r="I15" s="98"/>
      <c r="J15" s="29" t="s">
        <v>25</v>
      </c>
      <c r="K15" s="36">
        <v>3</v>
      </c>
      <c r="L15" s="31" t="s">
        <v>79</v>
      </c>
    </row>
    <row r="16" spans="2:12" ht="22.5" customHeight="1" x14ac:dyDescent="0.15">
      <c r="B16" s="150" t="s">
        <v>99</v>
      </c>
      <c r="C16" s="153"/>
      <c r="D16" s="162" t="s">
        <v>81</v>
      </c>
      <c r="E16" s="20"/>
      <c r="F16" s="159" t="s">
        <v>12</v>
      </c>
      <c r="G16" s="102"/>
      <c r="H16" s="156" t="s">
        <v>98</v>
      </c>
      <c r="I16" s="101"/>
      <c r="J16" s="17" t="s">
        <v>25</v>
      </c>
      <c r="K16" s="18">
        <v>1</v>
      </c>
      <c r="L16" s="35" t="s">
        <v>77</v>
      </c>
    </row>
    <row r="17" spans="2:12" ht="22.5" customHeight="1" x14ac:dyDescent="0.15">
      <c r="B17" s="150"/>
      <c r="C17" s="153"/>
      <c r="D17" s="162"/>
      <c r="E17" s="20"/>
      <c r="F17" s="159"/>
      <c r="G17" s="102"/>
      <c r="H17" s="156"/>
      <c r="I17" s="101"/>
      <c r="J17" s="22" t="s">
        <v>25</v>
      </c>
      <c r="K17" s="23">
        <v>2</v>
      </c>
      <c r="L17" s="24" t="s">
        <v>78</v>
      </c>
    </row>
    <row r="18" spans="2:12" ht="22.5" customHeight="1" x14ac:dyDescent="0.15">
      <c r="B18" s="150"/>
      <c r="C18" s="153"/>
      <c r="D18" s="162"/>
      <c r="E18" s="20"/>
      <c r="F18" s="159"/>
      <c r="G18" s="102"/>
      <c r="H18" s="156"/>
      <c r="I18" s="101"/>
      <c r="J18" s="22" t="s">
        <v>25</v>
      </c>
      <c r="K18" s="23">
        <v>3</v>
      </c>
      <c r="L18" s="24" t="s">
        <v>79</v>
      </c>
    </row>
    <row r="19" spans="2:12" ht="22.5" customHeight="1" x14ac:dyDescent="0.15">
      <c r="B19" s="149" t="s">
        <v>51</v>
      </c>
      <c r="C19" s="152"/>
      <c r="D19" s="161" t="s">
        <v>83</v>
      </c>
      <c r="E19" s="32"/>
      <c r="F19" s="158" t="s">
        <v>11</v>
      </c>
      <c r="G19" s="69"/>
      <c r="H19" s="155"/>
      <c r="I19" s="66"/>
      <c r="J19" s="73" t="s">
        <v>25</v>
      </c>
      <c r="K19" s="74">
        <v>1</v>
      </c>
      <c r="L19" s="75" t="s">
        <v>77</v>
      </c>
    </row>
    <row r="20" spans="2:12" ht="22.5" customHeight="1" x14ac:dyDescent="0.15">
      <c r="B20" s="150"/>
      <c r="C20" s="153"/>
      <c r="D20" s="162"/>
      <c r="E20" s="20"/>
      <c r="F20" s="159"/>
      <c r="G20" s="70"/>
      <c r="H20" s="156"/>
      <c r="I20" s="67"/>
      <c r="J20" s="22" t="s">
        <v>25</v>
      </c>
      <c r="K20" s="23">
        <v>2</v>
      </c>
      <c r="L20" s="24" t="s">
        <v>78</v>
      </c>
    </row>
    <row r="21" spans="2:12" ht="22.5" customHeight="1" x14ac:dyDescent="0.15">
      <c r="B21" s="150"/>
      <c r="C21" s="153"/>
      <c r="D21" s="162"/>
      <c r="E21" s="20"/>
      <c r="F21" s="159"/>
      <c r="G21" s="70"/>
      <c r="H21" s="156"/>
      <c r="I21" s="67"/>
      <c r="J21" s="22" t="s">
        <v>25</v>
      </c>
      <c r="K21" s="23">
        <v>3</v>
      </c>
      <c r="L21" s="24" t="s">
        <v>94</v>
      </c>
    </row>
    <row r="22" spans="2:12" ht="22.5" customHeight="1" x14ac:dyDescent="0.15">
      <c r="B22" s="150"/>
      <c r="C22" s="153"/>
      <c r="D22" s="162"/>
      <c r="E22" s="20"/>
      <c r="F22" s="159"/>
      <c r="G22" s="70"/>
      <c r="H22" s="156"/>
      <c r="I22" s="67"/>
      <c r="J22" s="22" t="s">
        <v>25</v>
      </c>
      <c r="K22" s="23">
        <v>4</v>
      </c>
      <c r="L22" s="25" t="s">
        <v>80</v>
      </c>
    </row>
    <row r="23" spans="2:12" ht="22.5" customHeight="1" x14ac:dyDescent="0.15">
      <c r="B23" s="150"/>
      <c r="C23" s="153"/>
      <c r="D23" s="162"/>
      <c r="E23" s="20"/>
      <c r="F23" s="159"/>
      <c r="G23" s="70"/>
      <c r="H23" s="157"/>
      <c r="I23" s="68"/>
      <c r="J23" s="29" t="s">
        <v>25</v>
      </c>
      <c r="K23" s="80">
        <v>5</v>
      </c>
      <c r="L23" s="81" t="s">
        <v>79</v>
      </c>
    </row>
    <row r="24" spans="2:12" ht="22.5" customHeight="1" x14ac:dyDescent="0.15">
      <c r="B24" s="149" t="s">
        <v>53</v>
      </c>
      <c r="C24" s="152"/>
      <c r="D24" s="161" t="s">
        <v>83</v>
      </c>
      <c r="E24" s="32"/>
      <c r="F24" s="158" t="s">
        <v>12</v>
      </c>
      <c r="G24" s="69"/>
      <c r="H24" s="156"/>
      <c r="I24" s="67"/>
      <c r="J24" s="73" t="s">
        <v>25</v>
      </c>
      <c r="K24" s="74">
        <v>1</v>
      </c>
      <c r="L24" s="75" t="s">
        <v>77</v>
      </c>
    </row>
    <row r="25" spans="2:12" ht="22.5" customHeight="1" x14ac:dyDescent="0.15">
      <c r="B25" s="150"/>
      <c r="C25" s="153"/>
      <c r="D25" s="162"/>
      <c r="E25" s="20"/>
      <c r="F25" s="159"/>
      <c r="G25" s="70"/>
      <c r="H25" s="156"/>
      <c r="I25" s="67"/>
      <c r="J25" s="22" t="s">
        <v>25</v>
      </c>
      <c r="K25" s="23">
        <v>2</v>
      </c>
      <c r="L25" s="24" t="s">
        <v>78</v>
      </c>
    </row>
    <row r="26" spans="2:12" ht="22.5" customHeight="1" x14ac:dyDescent="0.15">
      <c r="B26" s="150"/>
      <c r="C26" s="153"/>
      <c r="D26" s="162"/>
      <c r="E26" s="20"/>
      <c r="F26" s="159"/>
      <c r="G26" s="70"/>
      <c r="H26" s="156"/>
      <c r="I26" s="67"/>
      <c r="J26" s="22" t="s">
        <v>25</v>
      </c>
      <c r="K26" s="23">
        <v>3</v>
      </c>
      <c r="L26" s="24" t="s">
        <v>94</v>
      </c>
    </row>
    <row r="27" spans="2:12" ht="22.5" customHeight="1" x14ac:dyDescent="0.15">
      <c r="B27" s="150"/>
      <c r="C27" s="153"/>
      <c r="D27" s="162"/>
      <c r="E27" s="20"/>
      <c r="F27" s="159"/>
      <c r="G27" s="70"/>
      <c r="H27" s="156"/>
      <c r="I27" s="67"/>
      <c r="J27" s="22" t="s">
        <v>25</v>
      </c>
      <c r="K27" s="23">
        <v>4</v>
      </c>
      <c r="L27" s="25" t="s">
        <v>80</v>
      </c>
    </row>
    <row r="28" spans="2:12" ht="22.5" customHeight="1" x14ac:dyDescent="0.15">
      <c r="B28" s="150"/>
      <c r="C28" s="153"/>
      <c r="D28" s="162"/>
      <c r="E28" s="20"/>
      <c r="F28" s="159"/>
      <c r="G28" s="70"/>
      <c r="H28" s="156"/>
      <c r="I28" s="67"/>
      <c r="J28" s="29" t="s">
        <v>25</v>
      </c>
      <c r="K28" s="80">
        <v>5</v>
      </c>
      <c r="L28" s="81" t="s">
        <v>79</v>
      </c>
    </row>
    <row r="29" spans="2:12" ht="22.5" customHeight="1" x14ac:dyDescent="0.15">
      <c r="B29" s="149" t="s">
        <v>47</v>
      </c>
      <c r="C29" s="152"/>
      <c r="D29" s="161" t="s">
        <v>72</v>
      </c>
      <c r="E29" s="176"/>
      <c r="F29" s="158"/>
      <c r="G29" s="181"/>
      <c r="H29" s="155"/>
      <c r="I29" s="182"/>
      <c r="J29" s="73" t="s">
        <v>44</v>
      </c>
      <c r="K29" s="74">
        <v>1</v>
      </c>
      <c r="L29" s="75" t="s">
        <v>77</v>
      </c>
    </row>
    <row r="30" spans="2:12" ht="22.5" customHeight="1" x14ac:dyDescent="0.15">
      <c r="B30" s="150"/>
      <c r="C30" s="153"/>
      <c r="D30" s="162"/>
      <c r="E30" s="177"/>
      <c r="F30" s="159"/>
      <c r="G30" s="183"/>
      <c r="H30" s="156"/>
      <c r="I30" s="184"/>
      <c r="J30" s="22" t="s">
        <v>44</v>
      </c>
      <c r="K30" s="23">
        <v>2</v>
      </c>
      <c r="L30" s="24" t="s">
        <v>78</v>
      </c>
    </row>
    <row r="31" spans="2:12" ht="22.5" customHeight="1" thickBot="1" x14ac:dyDescent="0.2">
      <c r="B31" s="175"/>
      <c r="C31" s="179"/>
      <c r="D31" s="188"/>
      <c r="E31" s="178"/>
      <c r="F31" s="180"/>
      <c r="G31" s="185"/>
      <c r="H31" s="186"/>
      <c r="I31" s="187"/>
      <c r="J31" s="76" t="s">
        <v>25</v>
      </c>
      <c r="K31" s="77">
        <v>3</v>
      </c>
      <c r="L31" s="78" t="s">
        <v>96</v>
      </c>
    </row>
  </sheetData>
  <mergeCells count="44">
    <mergeCell ref="B16:B18"/>
    <mergeCell ref="C16:C18"/>
    <mergeCell ref="D16:D18"/>
    <mergeCell ref="F16:F18"/>
    <mergeCell ref="H16:H18"/>
    <mergeCell ref="G29:I31"/>
    <mergeCell ref="B24:B28"/>
    <mergeCell ref="C24:C28"/>
    <mergeCell ref="D24:D28"/>
    <mergeCell ref="F24:F28"/>
    <mergeCell ref="H24:H28"/>
    <mergeCell ref="B29:B31"/>
    <mergeCell ref="C29:C31"/>
    <mergeCell ref="D29:D31"/>
    <mergeCell ref="E29:E31"/>
    <mergeCell ref="F29:F31"/>
    <mergeCell ref="B19:B23"/>
    <mergeCell ref="C19:C23"/>
    <mergeCell ref="D19:D23"/>
    <mergeCell ref="F19:F23"/>
    <mergeCell ref="H19:H23"/>
    <mergeCell ref="B13:B15"/>
    <mergeCell ref="C13:C15"/>
    <mergeCell ref="D13:D15"/>
    <mergeCell ref="F13:F15"/>
    <mergeCell ref="H13:H15"/>
    <mergeCell ref="B7:B9"/>
    <mergeCell ref="C7:C9"/>
    <mergeCell ref="D7:D9"/>
    <mergeCell ref="F7:F9"/>
    <mergeCell ref="H7:H9"/>
    <mergeCell ref="B10:B12"/>
    <mergeCell ref="C10:C12"/>
    <mergeCell ref="D10:D12"/>
    <mergeCell ref="F10:F12"/>
    <mergeCell ref="H10:H12"/>
    <mergeCell ref="B3:E3"/>
    <mergeCell ref="F3:I3"/>
    <mergeCell ref="K3:L3"/>
    <mergeCell ref="B4:B6"/>
    <mergeCell ref="C4:C6"/>
    <mergeCell ref="D4:D6"/>
    <mergeCell ref="F4:F6"/>
    <mergeCell ref="H4:H6"/>
  </mergeCells>
  <phoneticPr fontId="1"/>
  <pageMargins left="0.78740157480314965" right="0.39370078740157483" top="0.62992125984251968" bottom="0.39370078740157483" header="0.31496062992125984" footer="0.31496062992125984"/>
  <pageSetup paperSize="9" scale="8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O21"/>
  <sheetViews>
    <sheetView showGridLines="0" zoomScale="110" zoomScaleNormal="110" workbookViewId="0">
      <selection activeCell="N34" sqref="N34"/>
    </sheetView>
  </sheetViews>
  <sheetFormatPr defaultRowHeight="13.5" x14ac:dyDescent="0.15"/>
  <cols>
    <col min="1" max="1" width="2.625" style="1" customWidth="1"/>
    <col min="2" max="2" width="6.625" style="1" customWidth="1"/>
    <col min="3" max="3" width="2.625" style="1" customWidth="1"/>
    <col min="4" max="4" width="6.625" style="1" customWidth="1"/>
    <col min="5" max="5" width="14.625" style="1" customWidth="1"/>
    <col min="6" max="6" width="2.625" style="1" customWidth="1"/>
    <col min="7" max="7" width="6.625" style="1" customWidth="1"/>
    <col min="8" max="8" width="2.625" style="1" customWidth="1"/>
    <col min="9" max="9" width="6.625" style="1" customWidth="1"/>
    <col min="10" max="10" width="14.625" style="1" customWidth="1"/>
    <col min="11" max="11" width="2.625" style="1" customWidth="1"/>
    <col min="12" max="12" width="7.375" style="1" customWidth="1"/>
    <col min="13" max="13" width="2.625" style="1" customWidth="1"/>
    <col min="14" max="14" width="7.5" style="1" customWidth="1"/>
    <col min="15" max="15" width="14.625" style="1" customWidth="1"/>
    <col min="16" max="16384" width="9" style="1"/>
  </cols>
  <sheetData>
    <row r="2" spans="2:15" ht="21.95" customHeight="1" x14ac:dyDescent="0.15">
      <c r="B2" s="198" t="s">
        <v>24</v>
      </c>
      <c r="C2" s="198"/>
      <c r="D2" s="198"/>
      <c r="E2" s="198"/>
      <c r="F2" s="198"/>
      <c r="G2" s="198"/>
      <c r="H2" s="198"/>
      <c r="I2" s="198"/>
      <c r="J2" s="198"/>
      <c r="K2" s="198"/>
      <c r="L2" s="198"/>
      <c r="M2" s="198"/>
      <c r="N2" s="198"/>
      <c r="O2" s="198"/>
    </row>
    <row r="3" spans="2:15" ht="8.1" customHeight="1" x14ac:dyDescent="0.15"/>
    <row r="4" spans="2:15" ht="15.95" customHeight="1" x14ac:dyDescent="0.15">
      <c r="B4" s="195" t="s">
        <v>13</v>
      </c>
      <c r="C4" s="196"/>
      <c r="D4" s="197"/>
      <c r="E4" s="2" t="s">
        <v>14</v>
      </c>
      <c r="G4" s="195" t="s">
        <v>13</v>
      </c>
      <c r="H4" s="196"/>
      <c r="I4" s="197"/>
      <c r="J4" s="2" t="s">
        <v>14</v>
      </c>
      <c r="L4" s="195" t="s">
        <v>13</v>
      </c>
      <c r="M4" s="196"/>
      <c r="N4" s="197"/>
      <c r="O4" s="2" t="s">
        <v>14</v>
      </c>
    </row>
    <row r="5" spans="2:15" ht="15.95" customHeight="1" x14ac:dyDescent="0.15">
      <c r="B5" s="5">
        <v>0</v>
      </c>
      <c r="C5" s="3" t="s">
        <v>15</v>
      </c>
      <c r="D5" s="6">
        <v>5</v>
      </c>
      <c r="E5" s="4">
        <v>0</v>
      </c>
      <c r="G5" s="5">
        <v>120</v>
      </c>
      <c r="H5" s="3" t="s">
        <v>15</v>
      </c>
      <c r="I5" s="6">
        <v>130</v>
      </c>
      <c r="J5" s="4">
        <v>1812000</v>
      </c>
      <c r="L5" s="5">
        <v>380</v>
      </c>
      <c r="M5" s="3" t="s">
        <v>15</v>
      </c>
      <c r="N5" s="6">
        <v>400</v>
      </c>
      <c r="O5" s="4">
        <v>4190000</v>
      </c>
    </row>
    <row r="6" spans="2:15" ht="15.95" customHeight="1" x14ac:dyDescent="0.15">
      <c r="B6" s="5">
        <v>5</v>
      </c>
      <c r="C6" s="3" t="s">
        <v>15</v>
      </c>
      <c r="D6" s="6">
        <v>10</v>
      </c>
      <c r="E6" s="4">
        <v>75000</v>
      </c>
      <c r="G6" s="5">
        <v>130</v>
      </c>
      <c r="H6" s="3" t="s">
        <v>15</v>
      </c>
      <c r="I6" s="6">
        <v>140</v>
      </c>
      <c r="J6" s="4">
        <v>1963000</v>
      </c>
      <c r="L6" s="5">
        <v>400</v>
      </c>
      <c r="M6" s="3" t="s">
        <v>15</v>
      </c>
      <c r="N6" s="6">
        <v>420</v>
      </c>
      <c r="O6" s="4">
        <v>4341000</v>
      </c>
    </row>
    <row r="7" spans="2:15" ht="15.95" customHeight="1" x14ac:dyDescent="0.15">
      <c r="B7" s="5">
        <v>10</v>
      </c>
      <c r="C7" s="3" t="s">
        <v>15</v>
      </c>
      <c r="D7" s="6">
        <v>15</v>
      </c>
      <c r="E7" s="4">
        <v>151000</v>
      </c>
      <c r="G7" s="5">
        <v>140</v>
      </c>
      <c r="H7" s="3" t="s">
        <v>15</v>
      </c>
      <c r="I7" s="6">
        <v>150</v>
      </c>
      <c r="J7" s="4">
        <v>2114000</v>
      </c>
      <c r="L7" s="5">
        <v>420</v>
      </c>
      <c r="M7" s="3" t="s">
        <v>15</v>
      </c>
      <c r="N7" s="6">
        <v>440</v>
      </c>
      <c r="O7" s="4">
        <v>4492000</v>
      </c>
    </row>
    <row r="8" spans="2:15" ht="15.95" customHeight="1" x14ac:dyDescent="0.15">
      <c r="B8" s="5">
        <v>15</v>
      </c>
      <c r="C8" s="3" t="s">
        <v>15</v>
      </c>
      <c r="D8" s="6">
        <v>20</v>
      </c>
      <c r="E8" s="4">
        <v>226000</v>
      </c>
      <c r="G8" s="5">
        <v>150</v>
      </c>
      <c r="H8" s="3" t="s">
        <v>15</v>
      </c>
      <c r="I8" s="6">
        <v>160</v>
      </c>
      <c r="J8" s="4">
        <v>2265000</v>
      </c>
      <c r="L8" s="5">
        <v>440</v>
      </c>
      <c r="M8" s="3" t="s">
        <v>15</v>
      </c>
      <c r="N8" s="6">
        <v>460</v>
      </c>
      <c r="O8" s="4">
        <v>4643000</v>
      </c>
    </row>
    <row r="9" spans="2:15" ht="15.95" customHeight="1" x14ac:dyDescent="0.15">
      <c r="B9" s="5">
        <v>20</v>
      </c>
      <c r="C9" s="3" t="s">
        <v>15</v>
      </c>
      <c r="D9" s="6">
        <v>25</v>
      </c>
      <c r="E9" s="4">
        <v>302000</v>
      </c>
      <c r="G9" s="5">
        <v>160</v>
      </c>
      <c r="H9" s="3" t="s">
        <v>15</v>
      </c>
      <c r="I9" s="6">
        <v>170</v>
      </c>
      <c r="J9" s="4">
        <v>2416000</v>
      </c>
      <c r="L9" s="5">
        <v>460</v>
      </c>
      <c r="M9" s="3" t="s">
        <v>15</v>
      </c>
      <c r="N9" s="6">
        <v>480</v>
      </c>
      <c r="O9" s="4">
        <v>4794000</v>
      </c>
    </row>
    <row r="10" spans="2:15" ht="15.95" customHeight="1" x14ac:dyDescent="0.15">
      <c r="B10" s="5">
        <v>25</v>
      </c>
      <c r="C10" s="3" t="s">
        <v>15</v>
      </c>
      <c r="D10" s="6">
        <v>30</v>
      </c>
      <c r="E10" s="4">
        <v>377000</v>
      </c>
      <c r="G10" s="5">
        <v>170</v>
      </c>
      <c r="H10" s="3" t="s">
        <v>15</v>
      </c>
      <c r="I10" s="6">
        <v>175</v>
      </c>
      <c r="J10" s="4">
        <v>2567000</v>
      </c>
      <c r="L10" s="5">
        <v>480</v>
      </c>
      <c r="M10" s="3" t="s">
        <v>15</v>
      </c>
      <c r="N10" s="6">
        <v>500</v>
      </c>
      <c r="O10" s="4">
        <v>4945000</v>
      </c>
    </row>
    <row r="11" spans="2:15" ht="15.95" customHeight="1" x14ac:dyDescent="0.15">
      <c r="B11" s="5">
        <v>30</v>
      </c>
      <c r="C11" s="3" t="s">
        <v>15</v>
      </c>
      <c r="D11" s="6">
        <v>35</v>
      </c>
      <c r="E11" s="4">
        <v>453000</v>
      </c>
      <c r="G11" s="5">
        <v>175</v>
      </c>
      <c r="H11" s="3" t="s">
        <v>15</v>
      </c>
      <c r="I11" s="6">
        <v>180</v>
      </c>
      <c r="J11" s="4">
        <v>2642000</v>
      </c>
      <c r="L11" s="5">
        <v>500</v>
      </c>
      <c r="M11" s="3" t="s">
        <v>15</v>
      </c>
      <c r="N11" s="6">
        <v>550</v>
      </c>
      <c r="O11" s="4">
        <v>5096000</v>
      </c>
    </row>
    <row r="12" spans="2:15" ht="15.95" customHeight="1" x14ac:dyDescent="0.15">
      <c r="B12" s="5">
        <v>35</v>
      </c>
      <c r="C12" s="3"/>
      <c r="D12" s="6">
        <v>40</v>
      </c>
      <c r="E12" s="4">
        <v>528000</v>
      </c>
      <c r="G12" s="5">
        <v>180</v>
      </c>
      <c r="H12" s="3"/>
      <c r="I12" s="6">
        <v>200</v>
      </c>
      <c r="J12" s="4">
        <v>2680000</v>
      </c>
      <c r="L12" s="5">
        <v>550</v>
      </c>
      <c r="M12" s="3"/>
      <c r="N12" s="6">
        <v>600</v>
      </c>
      <c r="O12" s="4">
        <v>5322000</v>
      </c>
    </row>
    <row r="13" spans="2:15" ht="15.95" customHeight="1" x14ac:dyDescent="0.15">
      <c r="B13" s="5">
        <v>40</v>
      </c>
      <c r="C13" s="3" t="s">
        <v>15</v>
      </c>
      <c r="D13" s="6">
        <v>45</v>
      </c>
      <c r="E13" s="4">
        <v>604000</v>
      </c>
      <c r="G13" s="5">
        <v>200</v>
      </c>
      <c r="H13" s="3" t="s">
        <v>15</v>
      </c>
      <c r="I13" s="6">
        <v>220</v>
      </c>
      <c r="J13" s="4">
        <v>2831000</v>
      </c>
      <c r="L13" s="5">
        <v>600</v>
      </c>
      <c r="M13" s="3" t="s">
        <v>15</v>
      </c>
      <c r="N13" s="6">
        <v>650</v>
      </c>
      <c r="O13" s="4">
        <v>5549000</v>
      </c>
    </row>
    <row r="14" spans="2:15" ht="15.95" customHeight="1" x14ac:dyDescent="0.15">
      <c r="B14" s="5">
        <v>45</v>
      </c>
      <c r="C14" s="3" t="s">
        <v>15</v>
      </c>
      <c r="D14" s="6">
        <v>50</v>
      </c>
      <c r="E14" s="4">
        <v>679000</v>
      </c>
      <c r="G14" s="5">
        <v>220</v>
      </c>
      <c r="H14" s="3" t="s">
        <v>15</v>
      </c>
      <c r="I14" s="6">
        <v>240</v>
      </c>
      <c r="J14" s="4">
        <v>2982000</v>
      </c>
      <c r="L14" s="5">
        <v>650</v>
      </c>
      <c r="M14" s="3" t="s">
        <v>15</v>
      </c>
      <c r="N14" s="6">
        <v>700</v>
      </c>
      <c r="O14" s="4">
        <v>5775000</v>
      </c>
    </row>
    <row r="15" spans="2:15" ht="15.95" customHeight="1" x14ac:dyDescent="0.15">
      <c r="B15" s="5">
        <v>50</v>
      </c>
      <c r="C15" s="3" t="s">
        <v>15</v>
      </c>
      <c r="D15" s="6">
        <v>60</v>
      </c>
      <c r="E15" s="4">
        <v>755000</v>
      </c>
      <c r="G15" s="5">
        <v>240</v>
      </c>
      <c r="H15" s="3" t="s">
        <v>15</v>
      </c>
      <c r="I15" s="6">
        <v>260</v>
      </c>
      <c r="J15" s="4">
        <v>3133000</v>
      </c>
      <c r="L15" s="5">
        <v>700</v>
      </c>
      <c r="M15" s="3" t="s">
        <v>15</v>
      </c>
      <c r="N15" s="6">
        <v>750</v>
      </c>
      <c r="O15" s="4">
        <v>6002000</v>
      </c>
    </row>
    <row r="16" spans="2:15" ht="15.95" customHeight="1" x14ac:dyDescent="0.15">
      <c r="B16" s="5">
        <v>60</v>
      </c>
      <c r="C16" s="3" t="s">
        <v>15</v>
      </c>
      <c r="D16" s="6">
        <v>70</v>
      </c>
      <c r="E16" s="4">
        <v>906000</v>
      </c>
      <c r="G16" s="5">
        <v>260</v>
      </c>
      <c r="H16" s="3" t="s">
        <v>15</v>
      </c>
      <c r="I16" s="6">
        <v>280</v>
      </c>
      <c r="J16" s="4">
        <v>3284000</v>
      </c>
      <c r="L16" s="5">
        <v>750</v>
      </c>
      <c r="M16" s="3" t="s">
        <v>15</v>
      </c>
      <c r="N16" s="6">
        <v>800</v>
      </c>
      <c r="O16" s="4">
        <v>6228000</v>
      </c>
    </row>
    <row r="17" spans="2:15" ht="15.95" customHeight="1" x14ac:dyDescent="0.15">
      <c r="B17" s="5">
        <v>70</v>
      </c>
      <c r="C17" s="3" t="s">
        <v>15</v>
      </c>
      <c r="D17" s="6">
        <v>80</v>
      </c>
      <c r="E17" s="4">
        <v>1057000</v>
      </c>
      <c r="G17" s="5">
        <v>280</v>
      </c>
      <c r="H17" s="3" t="s">
        <v>15</v>
      </c>
      <c r="I17" s="6">
        <v>300</v>
      </c>
      <c r="J17" s="4">
        <v>3435000</v>
      </c>
      <c r="L17" s="5">
        <v>800</v>
      </c>
      <c r="M17" s="3" t="s">
        <v>15</v>
      </c>
      <c r="N17" s="6">
        <v>850</v>
      </c>
      <c r="O17" s="4">
        <v>6455000</v>
      </c>
    </row>
    <row r="18" spans="2:15" ht="15.95" customHeight="1" x14ac:dyDescent="0.15">
      <c r="B18" s="5">
        <v>80</v>
      </c>
      <c r="C18" s="3" t="s">
        <v>15</v>
      </c>
      <c r="D18" s="6">
        <v>90</v>
      </c>
      <c r="E18" s="4">
        <v>1208000</v>
      </c>
      <c r="G18" s="5">
        <v>300</v>
      </c>
      <c r="H18" s="3" t="s">
        <v>15</v>
      </c>
      <c r="I18" s="6">
        <v>320</v>
      </c>
      <c r="J18" s="4">
        <v>3586000</v>
      </c>
      <c r="L18" s="5">
        <v>850</v>
      </c>
      <c r="M18" s="3" t="s">
        <v>15</v>
      </c>
      <c r="N18" s="6">
        <v>900</v>
      </c>
      <c r="O18" s="4">
        <v>6681000</v>
      </c>
    </row>
    <row r="19" spans="2:15" ht="15.95" customHeight="1" x14ac:dyDescent="0.15">
      <c r="B19" s="5">
        <v>90</v>
      </c>
      <c r="C19" s="3" t="s">
        <v>15</v>
      </c>
      <c r="D19" s="6">
        <v>100</v>
      </c>
      <c r="E19" s="4">
        <v>1359000</v>
      </c>
      <c r="G19" s="5">
        <v>320</v>
      </c>
      <c r="H19" s="3" t="s">
        <v>15</v>
      </c>
      <c r="I19" s="6">
        <v>340</v>
      </c>
      <c r="J19" s="4">
        <v>3737000</v>
      </c>
      <c r="L19" s="5">
        <v>900</v>
      </c>
      <c r="M19" s="3" t="s">
        <v>15</v>
      </c>
      <c r="N19" s="6">
        <v>950</v>
      </c>
      <c r="O19" s="4">
        <v>6908000</v>
      </c>
    </row>
    <row r="20" spans="2:15" ht="15.95" customHeight="1" x14ac:dyDescent="0.15">
      <c r="B20" s="5">
        <v>100</v>
      </c>
      <c r="C20" s="3" t="s">
        <v>15</v>
      </c>
      <c r="D20" s="6">
        <v>110</v>
      </c>
      <c r="E20" s="4">
        <v>1510000</v>
      </c>
      <c r="G20" s="5">
        <v>340</v>
      </c>
      <c r="H20" s="3" t="s">
        <v>15</v>
      </c>
      <c r="I20" s="6">
        <v>360</v>
      </c>
      <c r="J20" s="4">
        <v>3888000</v>
      </c>
      <c r="L20" s="5">
        <v>950</v>
      </c>
      <c r="M20" s="3" t="s">
        <v>15</v>
      </c>
      <c r="N20" s="6">
        <v>1000</v>
      </c>
      <c r="O20" s="4">
        <v>7134000</v>
      </c>
    </row>
    <row r="21" spans="2:15" ht="15.95" customHeight="1" x14ac:dyDescent="0.15">
      <c r="B21" s="5">
        <v>110</v>
      </c>
      <c r="C21" s="3" t="s">
        <v>15</v>
      </c>
      <c r="D21" s="6">
        <v>120</v>
      </c>
      <c r="E21" s="4">
        <v>1661000</v>
      </c>
      <c r="G21" s="5">
        <v>360</v>
      </c>
      <c r="H21" s="3" t="s">
        <v>15</v>
      </c>
      <c r="I21" s="6">
        <v>380</v>
      </c>
      <c r="J21" s="4">
        <v>4039000</v>
      </c>
      <c r="L21" s="5">
        <v>1000</v>
      </c>
      <c r="M21" s="3" t="s">
        <v>15</v>
      </c>
      <c r="N21" s="6"/>
      <c r="O21" s="4">
        <v>7361000</v>
      </c>
    </row>
  </sheetData>
  <mergeCells count="4">
    <mergeCell ref="B4:D4"/>
    <mergeCell ref="G4:I4"/>
    <mergeCell ref="L4:N4"/>
    <mergeCell ref="B2:O2"/>
  </mergeCells>
  <phoneticPr fontId="1"/>
  <printOptions horizontalCentered="1"/>
  <pageMargins left="0.78740157480314965" right="0.78740157480314965" top="0.78740157480314965" bottom="0.78740157480314965" header="0.31496062992125984" footer="0.31496062992125984"/>
  <pageSetup paperSize="9" scale="8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6</vt:i4>
      </vt:variant>
    </vt:vector>
  </HeadingPairs>
  <TitlesOfParts>
    <vt:vector size="12" baseType="lpstr">
      <vt:lpstr>別紙1(算出基礎表)</vt:lpstr>
      <vt:lpstr>別紙2(添付書類一覧) </vt:lpstr>
      <vt:lpstr>別紙1(算出基礎表) (変更)</vt:lpstr>
      <vt:lpstr>別紙1(実績</vt:lpstr>
      <vt:lpstr>別紙2(実績報告）</vt:lpstr>
      <vt:lpstr>Sheet4</vt:lpstr>
      <vt:lpstr>Sheet4!Print_Area</vt:lpstr>
      <vt:lpstr>'別紙1(算出基礎表)'!Print_Area</vt:lpstr>
      <vt:lpstr>'別紙1(算出基礎表) (変更)'!Print_Area</vt:lpstr>
      <vt:lpstr>'別紙1(実績'!Print_Area</vt:lpstr>
      <vt:lpstr>'別紙2(実績報告）'!Print_Area</vt:lpstr>
      <vt:lpstr>'別紙2(添付書類一覧)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穂苅　真</dc:creator>
  <cp:lastModifiedBy>高畑浩幸</cp:lastModifiedBy>
  <cp:lastPrinted>2022-06-09T00:02:09Z</cp:lastPrinted>
  <dcterms:created xsi:type="dcterms:W3CDTF">2017-09-11T11:38:42Z</dcterms:created>
  <dcterms:modified xsi:type="dcterms:W3CDTF">2022-06-09T00:02:18Z</dcterms:modified>
</cp:coreProperties>
</file>